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928"/>
  <workbookPr defaultThemeVersion="166925"/>
  <mc:AlternateContent xmlns:mc="http://schemas.openxmlformats.org/markup-compatibility/2006">
    <mc:Choice Requires="x15">
      <x15ac:absPath xmlns:x15ac="http://schemas.microsoft.com/office/spreadsheetml/2010/11/ac" url="R:\SCEGADMIN-I1077\Anu SCP paper\final submission files\Tables\"/>
    </mc:Choice>
  </mc:AlternateContent>
  <xr:revisionPtr revIDLastSave="0" documentId="8_{CBC5AC7C-1660-456B-9F68-79DDC6D54875}" xr6:coauthVersionLast="47" xr6:coauthVersionMax="47" xr10:uidLastSave="{00000000-0000-0000-0000-000000000000}"/>
  <bookViews>
    <workbookView xWindow="-120" yWindow="-120" windowWidth="29040" windowHeight="15840" xr2:uid="{DA634AE2-729A-4C8C-9ECD-19D0D11286AB}"/>
  </bookViews>
  <sheets>
    <sheet name="Sheet1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18" i="1" l="1"/>
  <c r="AD17" i="1"/>
  <c r="AD16" i="1"/>
  <c r="AD15" i="1"/>
  <c r="AD14" i="1"/>
  <c r="AD13" i="1"/>
  <c r="AD12" i="1"/>
  <c r="AD11" i="1"/>
  <c r="AD10" i="1"/>
  <c r="AD9" i="1"/>
  <c r="AD8" i="1"/>
  <c r="AD7" i="1"/>
  <c r="AD6" i="1"/>
  <c r="AD5" i="1"/>
  <c r="AD4" i="1"/>
  <c r="AD3" i="1"/>
</calcChain>
</file>

<file path=xl/sharedStrings.xml><?xml version="1.0" encoding="utf-8"?>
<sst xmlns="http://schemas.openxmlformats.org/spreadsheetml/2006/main" count="5114" uniqueCount="4974">
  <si>
    <t>EGID</t>
  </si>
  <si>
    <t>logFC</t>
  </si>
  <si>
    <t>AveExpr</t>
  </si>
  <si>
    <t>t</t>
  </si>
  <si>
    <t>P.Value</t>
  </si>
  <si>
    <t>adj.P.Val</t>
  </si>
  <si>
    <t>B</t>
  </si>
  <si>
    <t>Entrez_ID</t>
  </si>
  <si>
    <t>Symbol</t>
  </si>
  <si>
    <t>Description</t>
  </si>
  <si>
    <t>Chromosome</t>
  </si>
  <si>
    <t>Start</t>
  </si>
  <si>
    <t>End</t>
  </si>
  <si>
    <t>Strand</t>
  </si>
  <si>
    <t>absLogFC</t>
  </si>
  <si>
    <t>ENSG00000048740</t>
  </si>
  <si>
    <t>CELF2</t>
  </si>
  <si>
    <t>CUGBP, Elav-like family member 2 [Source:HGNC Symbol;Acc:HGNC:2550]</t>
  </si>
  <si>
    <t>ENSG00000111057</t>
  </si>
  <si>
    <t>KRT18</t>
  </si>
  <si>
    <t>keratin 18 [Source:HGNC Symbol;Acc:HGNC:6430]</t>
  </si>
  <si>
    <t>ENSG00000242265</t>
  </si>
  <si>
    <t>PEG10</t>
  </si>
  <si>
    <t>paternally expressed 10 [Source:HGNC Symbol;Acc:HGNC:14005]</t>
  </si>
  <si>
    <t>ENSG00000162374</t>
  </si>
  <si>
    <t>ELAVL4</t>
  </si>
  <si>
    <t>ELAV like neuron-specific RNA binding protein 4 [Source:HGNC Symbol;Acc:HGNC:3315]</t>
  </si>
  <si>
    <t>PPARGC1A</t>
  </si>
  <si>
    <t>ENSG00000112531</t>
  </si>
  <si>
    <t>QKI</t>
  </si>
  <si>
    <t>QKI, KH domain containing RNA binding [Source:HGNC Symbol;Acc:HGNC:21100]</t>
  </si>
  <si>
    <t>ENSG00000109819</t>
  </si>
  <si>
    <t>PPARG coactivator 1 alpha [Source:HGNC Symbol;Acc:HGNC:9237]</t>
  </si>
  <si>
    <t>AFF3</t>
  </si>
  <si>
    <t>ENSG00000173786</t>
  </si>
  <si>
    <t>CNP</t>
  </si>
  <si>
    <t>2',3'-cyclic nucleotide 3' phosphodiesterase [Source:HGNC Symbol;Acc:HGNC:2158]</t>
  </si>
  <si>
    <t>ENSG00000144218</t>
  </si>
  <si>
    <t>AF4/FMR2 family member 3 [Source:HGNC Symbol;Acc:HGNC:6473]</t>
  </si>
  <si>
    <t>CDC42EP4</t>
  </si>
  <si>
    <t>ENSG00000275700</t>
  </si>
  <si>
    <t>AATF</t>
  </si>
  <si>
    <t>apoptosis antagonizing transcription factor [Source:HGNC Symbol;Acc:HGNC:19235]</t>
  </si>
  <si>
    <t>ENSG00000179604</t>
  </si>
  <si>
    <t>CDC42 effector protein 4 [Source:HGNC Symbol;Acc:HGNC:17147]</t>
  </si>
  <si>
    <t>OAS3</t>
  </si>
  <si>
    <t>ENSG00000196116</t>
  </si>
  <si>
    <t>TDRD7</t>
  </si>
  <si>
    <t>tudor domain containing 7 [Source:HGNC Symbol;Acc:HGNC:30831]</t>
  </si>
  <si>
    <t>DDX60L</t>
  </si>
  <si>
    <t>ENSG00000100097</t>
  </si>
  <si>
    <t>LGALS1</t>
  </si>
  <si>
    <t>galectin 1 [Source:HGNC Symbol;Acc:HGNC:6561]</t>
  </si>
  <si>
    <t>ENSG00000111331</t>
  </si>
  <si>
    <t>2'-5'-oligoadenylate synthetase 3 [Source:HGNC Symbol;Acc:HGNC:8088]</t>
  </si>
  <si>
    <t>AHNAK</t>
  </si>
  <si>
    <t>ENSG00000185088</t>
  </si>
  <si>
    <t>RPS27L</t>
  </si>
  <si>
    <t>ribosomal protein S27 like [Source:HGNC Symbol;Acc:HGNC:18476]</t>
  </si>
  <si>
    <t>TNS1</t>
  </si>
  <si>
    <t>ENSG00000197381</t>
  </si>
  <si>
    <t>ADARB1</t>
  </si>
  <si>
    <t>adenosine deaminase, RNA specific B1 [Source:HGNC Symbol;Acc:HGNC:226]</t>
  </si>
  <si>
    <t>ENSG00000181381</t>
  </si>
  <si>
    <t>DEAD-box helicase 60-like [Source:HGNC Symbol;Acc:HGNC:26429]</t>
  </si>
  <si>
    <t>SRRM3</t>
  </si>
  <si>
    <t>ENSG00000124942</t>
  </si>
  <si>
    <t>AHNAK nucleoprotein [Source:HGNC Symbol;Acc:HGNC:347]</t>
  </si>
  <si>
    <t>FBLL1</t>
  </si>
  <si>
    <t>ENSG00000072274</t>
  </si>
  <si>
    <t>TFRC</t>
  </si>
  <si>
    <t>transferrin receptor [Source:HGNC Symbol;Acc:HGNC:11763]</t>
  </si>
  <si>
    <t>ENSG00000079308</t>
  </si>
  <si>
    <t>tensin 1 [Source:HGNC Symbol;Acc:HGNC:11973]</t>
  </si>
  <si>
    <t>IFI16</t>
  </si>
  <si>
    <t>ENSG00000117450</t>
  </si>
  <si>
    <t>PRDX1</t>
  </si>
  <si>
    <t>peroxiredoxin 1 [Source:HGNC Symbol;Acc:HGNC:9352]</t>
  </si>
  <si>
    <t>ENSG00000129538</t>
  </si>
  <si>
    <t>RNASE1</t>
  </si>
  <si>
    <t>ribonuclease A family member 1, pancreatic [Source:HGNC Symbol;Acc:HGNC:10044]</t>
  </si>
  <si>
    <t>ENSG00000155363</t>
  </si>
  <si>
    <t>MOV10</t>
  </si>
  <si>
    <t>Mov10 RISC complex RNA helicase [Source:HGNC Symbol;Acc:HGNC:7200]</t>
  </si>
  <si>
    <t>ENSG00000177679</t>
  </si>
  <si>
    <t>serine/arginine repetitive matrix 3 [Source:HGNC Symbol;Acc:HGNC:26729]</t>
  </si>
  <si>
    <t>ENSG00000090097</t>
  </si>
  <si>
    <t>PCBP4</t>
  </si>
  <si>
    <t>poly(rC) binding protein 4 [Source:HGNC Symbol;Acc:HGNC:8652]</t>
  </si>
  <si>
    <t>ENSG00000188573</t>
  </si>
  <si>
    <t>fibrillarin-like 1 [Source:HGNC Symbol;Acc:HGNC:35458]</t>
  </si>
  <si>
    <t>ENSG00000121766</t>
  </si>
  <si>
    <t>ZCCHC17</t>
  </si>
  <si>
    <t>zinc finger CCHC-type containing 17 [Source:HGNC Symbol;Acc:HGNC:30246]</t>
  </si>
  <si>
    <t>ENSG00000163565</t>
  </si>
  <si>
    <t>interferon gamma inducible protein 16 [Source:HGNC Symbol;Acc:HGNC:5395]</t>
  </si>
  <si>
    <t>ENSG00000172667</t>
  </si>
  <si>
    <t>ZMAT3</t>
  </si>
  <si>
    <t>zinc finger matrin-type 3 [Source:HGNC Symbol;Acc:HGNC:29983]</t>
  </si>
  <si>
    <t>ENSG00000096080</t>
  </si>
  <si>
    <t>MRPS18A</t>
  </si>
  <si>
    <t>mitochondrial ribosomal protein S18A [Source:HGNC Symbol;Acc:HGNC:14515]</t>
  </si>
  <si>
    <t>ENSG00000059573</t>
  </si>
  <si>
    <t>ALDH18A1</t>
  </si>
  <si>
    <t>aldehyde dehydrogenase 18 family member A1 [Source:HGNC Symbol;Acc:HGNC:9722]</t>
  </si>
  <si>
    <t>ENSG00000155966</t>
  </si>
  <si>
    <t>AFF2</t>
  </si>
  <si>
    <t>AF4/FMR2 family member 2 [Source:HGNC Symbol;Acc:HGNC:3776]</t>
  </si>
  <si>
    <t>X</t>
  </si>
  <si>
    <t>ENSG00000104356</t>
  </si>
  <si>
    <t>POP1</t>
  </si>
  <si>
    <t>POP1 homolog, ribonuclease P/MRP subunit [Source:HGNC Symbol;Acc:HGNC:30129]</t>
  </si>
  <si>
    <t>ENSG00000163659</t>
  </si>
  <si>
    <t>TIPARP</t>
  </si>
  <si>
    <t>TCDD inducible poly(ADP-ribose) polymerase [Source:HGNC Symbol;Acc:HGNC:23696]</t>
  </si>
  <si>
    <t>ENSG00000153944</t>
  </si>
  <si>
    <t>MSI2</t>
  </si>
  <si>
    <t>musashi RNA binding protein 2 [Source:HGNC Symbol;Acc:HGNC:18585]</t>
  </si>
  <si>
    <t>ENSG00000138593</t>
  </si>
  <si>
    <t>SECISBP2L</t>
  </si>
  <si>
    <t>SECIS binding protein 2 like [Source:HGNC Symbol;Acc:HGNC:28997]</t>
  </si>
  <si>
    <t>ENSG00000088305</t>
  </si>
  <si>
    <t>DNMT3B</t>
  </si>
  <si>
    <t>DNA methyltransferase 3 beta [Source:HGNC Symbol;Acc:HGNC:2979]</t>
  </si>
  <si>
    <t>ENSG00000171824</t>
  </si>
  <si>
    <t>EXOSC10</t>
  </si>
  <si>
    <t>exosome component 10 [Source:HGNC Symbol;Acc:HGNC:9138]</t>
  </si>
  <si>
    <t>ENSG00000075420</t>
  </si>
  <si>
    <t>FNDC3B</t>
  </si>
  <si>
    <t>fibronectin type III domain containing 3B [Source:HGNC Symbol;Acc:HGNC:24670]</t>
  </si>
  <si>
    <t>ENSG00000179218</t>
  </si>
  <si>
    <t>CALR</t>
  </si>
  <si>
    <t>calreticulin [Source:HGNC Symbol;Acc:HGNC:1455]</t>
  </si>
  <si>
    <t>ENSG00000243927</t>
  </si>
  <si>
    <t>MRPS6</t>
  </si>
  <si>
    <t>mitochondrial ribosomal protein S6 [Source:HGNC Symbol;Acc:HGNC:14051]</t>
  </si>
  <si>
    <t>ENSG00000255561</t>
  </si>
  <si>
    <t>FDXACB1</t>
  </si>
  <si>
    <t>ferredoxin-fold anticodon binding domain containing 1 [Source:HGNC Symbol;Acc:HGNC:25110]</t>
  </si>
  <si>
    <t>ENSG00000173744</t>
  </si>
  <si>
    <t>AGFG1</t>
  </si>
  <si>
    <t>ArfGAP with FG repeats 1 [Source:HGNC Symbol;Acc:HGNC:5175]</t>
  </si>
  <si>
    <t>ENSG00000119917</t>
  </si>
  <si>
    <t>IFIT3</t>
  </si>
  <si>
    <t>interferon induced protein with tetratricopeptide repeats 3 [Source:HGNC Symbol;Acc:HGNC:5411]</t>
  </si>
  <si>
    <t>ENSG00000110619</t>
  </si>
  <si>
    <t>CARS</t>
  </si>
  <si>
    <t>cysteinyl-tRNA synthetase [Source:HGNC Symbol;Acc:HGNC:1493]</t>
  </si>
  <si>
    <t>ENSG00000136026</t>
  </si>
  <si>
    <t>CKAP4</t>
  </si>
  <si>
    <t>cytoskeleton associated protein 4 [Source:HGNC Symbol;Acc:HGNC:16991]</t>
  </si>
  <si>
    <t>ENSG00000065150</t>
  </si>
  <si>
    <t>IPO5</t>
  </si>
  <si>
    <t>importin 5 [Source:HGNC Symbol;Acc:HGNC:6402]</t>
  </si>
  <si>
    <t>ENSG00000116560</t>
  </si>
  <si>
    <t>SFPQ</t>
  </si>
  <si>
    <t>splicing factor proline and glutamine rich [Source:HGNC Symbol;Acc:HGNC:10774]</t>
  </si>
  <si>
    <t>ENSG00000239306</t>
  </si>
  <si>
    <t>RBM14</t>
  </si>
  <si>
    <t>RNA binding motif protein 14 [Source:HGNC Symbol;Acc:HGNC:14219]</t>
  </si>
  <si>
    <t>ENSG00000155660</t>
  </si>
  <si>
    <t>PDIA4</t>
  </si>
  <si>
    <t>protein disulfide isomerase family A member 4 [Source:HGNC Symbol;Acc:HGNC:30167]</t>
  </si>
  <si>
    <t>ENSG00000136261</t>
  </si>
  <si>
    <t>BZW2</t>
  </si>
  <si>
    <t>basic leucine zipper and W2 domains 2 [Source:HGNC Symbol;Acc:HGNC:18808]</t>
  </si>
  <si>
    <t>ENSG00000107105</t>
  </si>
  <si>
    <t>ELAVL2</t>
  </si>
  <si>
    <t>ELAV like neuron-specific RNA binding protein 2 [Source:HGNC Symbol;Acc:HGNC:3313]</t>
  </si>
  <si>
    <t>ENSG00000110063</t>
  </si>
  <si>
    <t>DCPS</t>
  </si>
  <si>
    <t>decapping enzyme, scavenger [Source:HGNC Symbol;Acc:HGNC:29812]</t>
  </si>
  <si>
    <t>ENSG00000120658</t>
  </si>
  <si>
    <t>ENOX1</t>
  </si>
  <si>
    <t>ecto-NOX disulfide-thiol exchanger 1 [Source:HGNC Symbol;Acc:HGNC:25474]</t>
  </si>
  <si>
    <t>ENSG00000244509</t>
  </si>
  <si>
    <t>APOBEC3C</t>
  </si>
  <si>
    <t>apolipoprotein B mRNA editing enzyme catalytic subunit 3C [Source:HGNC Symbol;Acc:HGNC:17353]</t>
  </si>
  <si>
    <t>ENSG00000185608</t>
  </si>
  <si>
    <t>MRPL40</t>
  </si>
  <si>
    <t>mitochondrial ribosomal protein L40 [Source:HGNC Symbol;Acc:HGNC:14491]</t>
  </si>
  <si>
    <t>ENSG00000121390</t>
  </si>
  <si>
    <t>PSPC1</t>
  </si>
  <si>
    <t>paraspeckle component 1 [Source:HGNC Symbol;Acc:HGNC:20320]</t>
  </si>
  <si>
    <t>ENSG00000111364</t>
  </si>
  <si>
    <t>DDX55</t>
  </si>
  <si>
    <t>DEAD-box helicase 55 [Source:HGNC Symbol;Acc:HGNC:20085]</t>
  </si>
  <si>
    <t>ENSG00000165359</t>
  </si>
  <si>
    <t>INTS6L</t>
  </si>
  <si>
    <t>integrator complex subunit 6 like [Source:HGNC Symbol;Acc:HGNC:27334]</t>
  </si>
  <si>
    <t>ENSG00000181026</t>
  </si>
  <si>
    <t>AEN</t>
  </si>
  <si>
    <t>apoptosis enhancing nuclease [Source:HGNC Symbol;Acc:HGNC:25722]</t>
  </si>
  <si>
    <t>ENSG00000198860</t>
  </si>
  <si>
    <t>TSEN15</t>
  </si>
  <si>
    <t>tRNA splicing endonuclease subunit 15 [Source:HGNC Symbol;Acc:HGNC:16791]</t>
  </si>
  <si>
    <t>ENSG00000149257</t>
  </si>
  <si>
    <t>SERPINH1</t>
  </si>
  <si>
    <t>serpin family H member 1 [Source:HGNC Symbol;Acc:HGNC:1546]</t>
  </si>
  <si>
    <t>ENSG00000087302</t>
  </si>
  <si>
    <t>C14orf166</t>
  </si>
  <si>
    <t>chromosome 14 open reading frame 166 [Source:HGNC Symbol;Acc:HGNC:23169]</t>
  </si>
  <si>
    <t>ENSG00000030582</t>
  </si>
  <si>
    <t>GRN</t>
  </si>
  <si>
    <t>granulin [Source:HGNC Symbol;Acc:HGNC:4601]</t>
  </si>
  <si>
    <t>ENSG00000170004</t>
  </si>
  <si>
    <t>CHD3</t>
  </si>
  <si>
    <t>chromodomain helicase DNA binding protein 3 [Source:HGNC Symbol;Acc:HGNC:1918]</t>
  </si>
  <si>
    <t>ENSG00000163946</t>
  </si>
  <si>
    <t>FAM208A</t>
  </si>
  <si>
    <t>family with sequence similarity 208 member A [Source:HGNC Symbol;Acc:HGNC:30314]</t>
  </si>
  <si>
    <t>ENSG00000100441</t>
  </si>
  <si>
    <t>KHNYN</t>
  </si>
  <si>
    <t>KH and NYN domain containing [Source:HGNC Symbol;Acc:HGNC:20166]</t>
  </si>
  <si>
    <t>ENSG00000170445</t>
  </si>
  <si>
    <t>HARS</t>
  </si>
  <si>
    <t>histidyl-tRNA synthetase [Source:HGNC Symbol;Acc:HGNC:4816]</t>
  </si>
  <si>
    <t>ENSG00000102879</t>
  </si>
  <si>
    <t>CORO1A</t>
  </si>
  <si>
    <t>coronin 1A [Source:HGNC Symbol;Acc:HGNC:2252]</t>
  </si>
  <si>
    <t>ENSG00000167004</t>
  </si>
  <si>
    <t>PDIA3</t>
  </si>
  <si>
    <t>protein disulfide isomerase family A member 3 [Source:HGNC Symbol;Acc:HGNC:4606]</t>
  </si>
  <si>
    <t>ENSG00000254535</t>
  </si>
  <si>
    <t>PABPC4L</t>
  </si>
  <si>
    <t>poly(A) binding protein cytoplasmic 4 like [Source:HGNC Symbol;Acc:HGNC:31955]</t>
  </si>
  <si>
    <t>ENSG00000112773</t>
  </si>
  <si>
    <t>FAM46A</t>
  </si>
  <si>
    <t>family with sequence similarity 46 member A [Source:HGNC Symbol;Acc:HGNC:18345]</t>
  </si>
  <si>
    <t>ENSG00000184220</t>
  </si>
  <si>
    <t>CMSS1</t>
  </si>
  <si>
    <t>cms1 ribosomal small subunit homolog (yeast) [Source:HGNC Symbol;Acc:HGNC:28666]</t>
  </si>
  <si>
    <t>ENSG00000164610</t>
  </si>
  <si>
    <t>RP9</t>
  </si>
  <si>
    <t>retinitis pigmentosa 9 (autosomal dominant) [Source:HGNC Symbol;Acc:HGNC:10288]</t>
  </si>
  <si>
    <t>ENSG00000182944</t>
  </si>
  <si>
    <t>EWSR1</t>
  </si>
  <si>
    <t>EWS RNA binding protein 1 [Source:HGNC Symbol;Acc:HGNC:3508]</t>
  </si>
  <si>
    <t>ENSG00000205978</t>
  </si>
  <si>
    <t>NYNRIN</t>
  </si>
  <si>
    <t>NYN domain and retroviral integrase containing [Source:HGNC Symbol;Acc:HGNC:20165]</t>
  </si>
  <si>
    <t>ENSG00000174606</t>
  </si>
  <si>
    <t>ANGEL2</t>
  </si>
  <si>
    <t>angel homolog 2 [Source:HGNC Symbol;Acc:HGNC:30534]</t>
  </si>
  <si>
    <t>ENSG00000244462</t>
  </si>
  <si>
    <t>RBM12</t>
  </si>
  <si>
    <t>RNA binding motif protein 12 [Source:HGNC Symbol;Acc:HGNC:9898]</t>
  </si>
  <si>
    <t>ENSG00000105939</t>
  </si>
  <si>
    <t>ZC3HAV1</t>
  </si>
  <si>
    <t>zinc finger CCCH-type containing, antiviral 1 [Source:HGNC Symbol;Acc:HGNC:23721]</t>
  </si>
  <si>
    <t>ENSG00000102317</t>
  </si>
  <si>
    <t>RBM3</t>
  </si>
  <si>
    <t>RNA binding motif (RNP1, RRM) protein 3 [Source:HGNC Symbol;Acc:HGNC:9900]</t>
  </si>
  <si>
    <t>ENSG00000117569</t>
  </si>
  <si>
    <t>PTBP2</t>
  </si>
  <si>
    <t>polypyrimidine tract binding protein 2 [Source:HGNC Symbol;Acc:HGNC:17662]</t>
  </si>
  <si>
    <t>ENSG00000108654</t>
  </si>
  <si>
    <t>1655 100616387 100616408</t>
  </si>
  <si>
    <t>DDX5</t>
  </si>
  <si>
    <t>DEAD-box helicase 5 [Source:HGNC Symbol;Acc:HGNC:2746]</t>
  </si>
  <si>
    <t>ENSG00000129250</t>
  </si>
  <si>
    <t>KIF1C</t>
  </si>
  <si>
    <t>kinesin family member 1C [Source:HGNC Symbol;Acc:HGNC:6317]</t>
  </si>
  <si>
    <t>ENSG00000179051</t>
  </si>
  <si>
    <t>RCC2</t>
  </si>
  <si>
    <t>regulator of chromosome condensation 2 [Source:HGNC Symbol;Acc:HGNC:30297]</t>
  </si>
  <si>
    <t>ENSG00000137628</t>
  </si>
  <si>
    <t>DDX60</t>
  </si>
  <si>
    <t>DEXD/H-box helicase 60 [Source:HGNC Symbol;Acc:HGNC:25942]</t>
  </si>
  <si>
    <t>ENSG00000104299</t>
  </si>
  <si>
    <t>INTS9</t>
  </si>
  <si>
    <t>integrator complex subunit 9 [Source:HGNC Symbol;Acc:HGNC:25592]</t>
  </si>
  <si>
    <t>ENSG00000138767</t>
  </si>
  <si>
    <t>CNOT6L</t>
  </si>
  <si>
    <t>CCR4-NOT transcription complex subunit 6 like [Source:HGNC Symbol;Acc:HGNC:18042]</t>
  </si>
  <si>
    <t>ENSG00000136231</t>
  </si>
  <si>
    <t>IGF2BP3</t>
  </si>
  <si>
    <t>insulin like growth factor 2 mRNA binding protein 3 [Source:HGNC Symbol;Acc:HGNC:28868]</t>
  </si>
  <si>
    <t>ENSG00000110321</t>
  </si>
  <si>
    <t>EIF4G2</t>
  </si>
  <si>
    <t>eukaryotic translation initiation factor 4 gamma 2 [Source:HGNC Symbol;Acc:HGNC:3297]</t>
  </si>
  <si>
    <t>ENSG00000173933</t>
  </si>
  <si>
    <t>RBM4</t>
  </si>
  <si>
    <t>RNA binding motif protein 4 [Source:HGNC Symbol;Acc:HGNC:9901]</t>
  </si>
  <si>
    <t>ENSG00000164609</t>
  </si>
  <si>
    <t>SLU7</t>
  </si>
  <si>
    <t>SLU7 homolog, splicing factor [Source:HGNC Symbol;Acc:HGNC:16939]</t>
  </si>
  <si>
    <t>ENSG00000154548</t>
  </si>
  <si>
    <t>SRSF12</t>
  </si>
  <si>
    <t>serine and arginine rich splicing factor 12 [Source:HGNC Symbol;Acc:HGNC:21220]</t>
  </si>
  <si>
    <t>ENSG00000133112</t>
  </si>
  <si>
    <t>TPT1</t>
  </si>
  <si>
    <t>tumor protein, translationally-controlled 1 [Source:HGNC Symbol;Acc:HGNC:12022]</t>
  </si>
  <si>
    <t>ENSG00000204628</t>
  </si>
  <si>
    <t>RACK1</t>
  </si>
  <si>
    <t>receptor for activated C kinase 1 [Source:HGNC Symbol;Acc:HGNC:4399]</t>
  </si>
  <si>
    <t>ENSG00000162613</t>
  </si>
  <si>
    <t>FUBP1</t>
  </si>
  <si>
    <t>far upstream element binding protein 1 [Source:HGNC Symbol;Acc:HGNC:4004]</t>
  </si>
  <si>
    <t>ENSG00000156508</t>
  </si>
  <si>
    <t>EEF1A1</t>
  </si>
  <si>
    <t>eukaryotic translation elongation factor 1 alpha 1 [Source:HGNC Symbol;Acc:HGNC:3189]</t>
  </si>
  <si>
    <t>ENSG00000215301</t>
  </si>
  <si>
    <t>DDX3X</t>
  </si>
  <si>
    <t>DEAD-box helicase 3, X-linked [Source:HGNC Symbol;Acc:HGNC:2745]</t>
  </si>
  <si>
    <t>ENSG00000134030</t>
  </si>
  <si>
    <t>CTIF</t>
  </si>
  <si>
    <t>cap binding complex dependent translation initiation factor [Source:HGNC Symbol;Acc:HGNC:23925]</t>
  </si>
  <si>
    <t>ENSG00000101452</t>
  </si>
  <si>
    <t>DHX35</t>
  </si>
  <si>
    <t>DEAH-box helicase 35 [Source:HGNC Symbol;Acc:HGNC:15861]</t>
  </si>
  <si>
    <t>ENSG00000085760</t>
  </si>
  <si>
    <t>MTIF2</t>
  </si>
  <si>
    <t>mitochondrial translational initiation factor 2 [Source:HGNC Symbol;Acc:HGNC:7441]</t>
  </si>
  <si>
    <t>ENSG00000179151</t>
  </si>
  <si>
    <t>EDC3</t>
  </si>
  <si>
    <t>enhancer of mRNA decapping 3 [Source:HGNC Symbol;Acc:HGNC:26114]</t>
  </si>
  <si>
    <t>ENSG00000143799</t>
  </si>
  <si>
    <t>PARP1</t>
  </si>
  <si>
    <t>poly(ADP-ribose) polymerase 1 [Source:HGNC Symbol;Acc:HGNC:270]</t>
  </si>
  <si>
    <t>ENSG00000089280</t>
  </si>
  <si>
    <t>FUS</t>
  </si>
  <si>
    <t>FUS RNA binding protein [Source:HGNC Symbol;Acc:HGNC:4010]</t>
  </si>
  <si>
    <t>ENSG00000013441</t>
  </si>
  <si>
    <t>CLK1</t>
  </si>
  <si>
    <t>CDC like kinase 1 [Source:HGNC Symbol;Acc:HGNC:2068]</t>
  </si>
  <si>
    <t>ENSG00000122406</t>
  </si>
  <si>
    <t>RPL5</t>
  </si>
  <si>
    <t>ribosomal protein L5 [Source:HGNC Symbol;Acc:HGNC:10360]</t>
  </si>
  <si>
    <t>ENSG00000107201</t>
  </si>
  <si>
    <t>DDX58</t>
  </si>
  <si>
    <t>DEXD/H-box helicase 58 [Source:HGNC Symbol;Acc:HGNC:19102]</t>
  </si>
  <si>
    <t>ENSG00000135870</t>
  </si>
  <si>
    <t>RC3H1</t>
  </si>
  <si>
    <t>ring finger and CCCH-type domains 1 [Source:HGNC Symbol;Acc:HGNC:29434]</t>
  </si>
  <si>
    <t>ENSG00000125870</t>
  </si>
  <si>
    <t>SNRPB2</t>
  </si>
  <si>
    <t>small nuclear ribonucleoprotein polypeptide B2 [Source:HGNC Symbol;Acc:HGNC:11155]</t>
  </si>
  <si>
    <t>ENSG00000106462</t>
  </si>
  <si>
    <t>EZH2</t>
  </si>
  <si>
    <t>enhancer of zeste 2 polycomb repressive complex 2 subunit [Source:HGNC Symbol;Acc:HGNC:3527]</t>
  </si>
  <si>
    <t>ENSG00000142534</t>
  </si>
  <si>
    <t>RPS11</t>
  </si>
  <si>
    <t>ribosomal protein S11 [Source:HGNC Symbol;Acc:HGNC:10384]</t>
  </si>
  <si>
    <t>ENSG00000254726</t>
  </si>
  <si>
    <t>MEX3A</t>
  </si>
  <si>
    <t>mex-3 RNA binding family member A [Source:HGNC Symbol;Acc:HGNC:33482]</t>
  </si>
  <si>
    <t>ENSG00000163902</t>
  </si>
  <si>
    <t>RPN1</t>
  </si>
  <si>
    <t>ribophorin I [Source:HGNC Symbol;Acc:HGNC:10381]</t>
  </si>
  <si>
    <t>ENSG00000162664</t>
  </si>
  <si>
    <t>ZNF326</t>
  </si>
  <si>
    <t>zinc finger protein 326 [Source:HGNC Symbol;Acc:HGNC:14104]</t>
  </si>
  <si>
    <t>ENSG00000137834</t>
  </si>
  <si>
    <t>SMAD6</t>
  </si>
  <si>
    <t>SMAD family member 6 [Source:HGNC Symbol;Acc:HGNC:6772]</t>
  </si>
  <si>
    <t>ENSG00000141664</t>
  </si>
  <si>
    <t>ZCCHC2</t>
  </si>
  <si>
    <t>zinc finger CCHC-type containing 2 [Source:HGNC Symbol;Acc:HGNC:22916]</t>
  </si>
  <si>
    <t>ENSG00000145592</t>
  </si>
  <si>
    <t>RPL37</t>
  </si>
  <si>
    <t>ribosomal protein L37 [Source:HGNC Symbol;Acc:HGNC:10347]</t>
  </si>
  <si>
    <t>ENSG00000164062</t>
  </si>
  <si>
    <t>APEH</t>
  </si>
  <si>
    <t>acylaminoacyl-peptide hydrolase [Source:HGNC Symbol;Acc:HGNC:586]</t>
  </si>
  <si>
    <t>ENSG00000167447</t>
  </si>
  <si>
    <t>SMG8</t>
  </si>
  <si>
    <t>SMG8, nonsense mediated mRNA decay factor [Source:HGNC Symbol;Acc:HGNC:25551]</t>
  </si>
  <si>
    <t>ENSG00000198824</t>
  </si>
  <si>
    <t>CHAMP1</t>
  </si>
  <si>
    <t>chromosome alignment maintaining phosphoprotein 1 [Source:HGNC Symbol;Acc:HGNC:20311]</t>
  </si>
  <si>
    <t>ENSG00000137449</t>
  </si>
  <si>
    <t>CPEB2</t>
  </si>
  <si>
    <t>cytoplasmic polyadenylation element binding protein 2 [Source:HGNC Symbol;Acc:HGNC:21745]</t>
  </si>
  <si>
    <t>ENSG00000129824</t>
  </si>
  <si>
    <t>RPS4Y1</t>
  </si>
  <si>
    <t>ribosomal protein S4, Y-linked 1 [Source:HGNC Symbol;Acc:HGNC:10425]</t>
  </si>
  <si>
    <t>Y</t>
  </si>
  <si>
    <t>ENSG00000156531</t>
  </si>
  <si>
    <t>PHF6</t>
  </si>
  <si>
    <t>PHD finger protein 6 [Source:HGNC Symbol;Acc:HGNC:18145]</t>
  </si>
  <si>
    <t>ENSG00000165675</t>
  </si>
  <si>
    <t>ENOX2</t>
  </si>
  <si>
    <t>ecto-NOX disulfide-thiol exchanger 2 [Source:HGNC Symbol;Acc:HGNC:2259]</t>
  </si>
  <si>
    <t>ENSG00000116918</t>
  </si>
  <si>
    <t>TSNAX</t>
  </si>
  <si>
    <t>translin associated factor X [Source:HGNC Symbol;Acc:HGNC:12380]</t>
  </si>
  <si>
    <t>ENSG00000102699</t>
  </si>
  <si>
    <t>PARP4</t>
  </si>
  <si>
    <t>poly(ADP-ribose) polymerase family member 4 [Source:HGNC Symbol;Acc:HGNC:271]</t>
  </si>
  <si>
    <t>ENSG00000164338</t>
  </si>
  <si>
    <t>UTP15</t>
  </si>
  <si>
    <t>UTP15, small subunit processome component [Source:HGNC Symbol;Acc:HGNC:25758]</t>
  </si>
  <si>
    <t>ENSG00000145050</t>
  </si>
  <si>
    <t>MANF</t>
  </si>
  <si>
    <t>mesencephalic astrocyte derived neurotrophic factor [Source:HGNC Symbol;Acc:HGNC:15461]</t>
  </si>
  <si>
    <t>ENSG00000138757</t>
  </si>
  <si>
    <t>G3BP2</t>
  </si>
  <si>
    <t>G3BP stress granule assembly factor 2 [Source:HGNC Symbol;Acc:HGNC:30291]</t>
  </si>
  <si>
    <t>ENSG00000117597</t>
  </si>
  <si>
    <t>DIEXF</t>
  </si>
  <si>
    <t>digestive organ expansion factor homolog (zebrafish) [Source:HGNC Symbol;Acc:HGNC:28440]</t>
  </si>
  <si>
    <t>ENSG00000179950</t>
  </si>
  <si>
    <t>PUF60</t>
  </si>
  <si>
    <t>poly(U) binding splicing factor 60 [Source:HGNC Symbol;Acc:HGNC:17042]</t>
  </si>
  <si>
    <t>ENSG00000009307</t>
  </si>
  <si>
    <t>CSDE1</t>
  </si>
  <si>
    <t>cold shock domain containing E1 [Source:HGNC Symbol;Acc:HGNC:29905]</t>
  </si>
  <si>
    <t>ENSG00000114503</t>
  </si>
  <si>
    <t>NCBP2</t>
  </si>
  <si>
    <t>nuclear cap binding protein subunit 2 [Source:HGNC Symbol;Acc:HGNC:7659]</t>
  </si>
  <si>
    <t>ENSG00000116001</t>
  </si>
  <si>
    <t>TIA1</t>
  </si>
  <si>
    <t>TIA1 cytotoxic granule-associated RNA binding protein [Source:HGNC Symbol;Acc:HGNC:11802]</t>
  </si>
  <si>
    <t>ENSG00000135316</t>
  </si>
  <si>
    <t>SYNCRIP</t>
  </si>
  <si>
    <t>synaptotagmin binding cytoplasmic RNA interacting protein [Source:HGNC Symbol;Acc:HGNC:16918]</t>
  </si>
  <si>
    <t>ENSG00000174748</t>
  </si>
  <si>
    <t>RPL15</t>
  </si>
  <si>
    <t>ribosomal protein L15 [Source:HGNC Symbol;Acc:HGNC:10306]</t>
  </si>
  <si>
    <t>ENSG00000128829</t>
  </si>
  <si>
    <t>EIF2AK4</t>
  </si>
  <si>
    <t>eukaryotic translation initiation factor 2 alpha kinase 4 [Source:HGNC Symbol;Acc:HGNC:19687]</t>
  </si>
  <si>
    <t>ENSG00000153113</t>
  </si>
  <si>
    <t>CAST</t>
  </si>
  <si>
    <t>calpastatin [Source:HGNC Symbol;Acc:HGNC:1515]</t>
  </si>
  <si>
    <t>ENSG00000184343</t>
  </si>
  <si>
    <t>SRPK3</t>
  </si>
  <si>
    <t>SRSF protein kinase 3 [Source:HGNC Symbol;Acc:HGNC:11402]</t>
  </si>
  <si>
    <t>ENSG00000100207</t>
  </si>
  <si>
    <t>TCF20</t>
  </si>
  <si>
    <t>transcription factor 20 [Source:HGNC Symbol;Acc:HGNC:11631]</t>
  </si>
  <si>
    <t>ENSG00000197451</t>
  </si>
  <si>
    <t>HNRNPAB</t>
  </si>
  <si>
    <t>heterogeneous nuclear ribonucleoprotein A/B [Source:HGNC Symbol;Acc:HGNC:5034]</t>
  </si>
  <si>
    <t>ENSG00000102081</t>
  </si>
  <si>
    <t>FMR1</t>
  </si>
  <si>
    <t>fragile X mental retardation 1 [Source:HGNC Symbol;Acc:HGNC:3775]</t>
  </si>
  <si>
    <t>ENSG00000163584</t>
  </si>
  <si>
    <t>RPL22L1</t>
  </si>
  <si>
    <t>ribosomal protein L22 like 1 [Source:HGNC Symbol;Acc:HGNC:27610]</t>
  </si>
  <si>
    <t>ENSG00000174840</t>
  </si>
  <si>
    <t>PDE12</t>
  </si>
  <si>
    <t>phosphodiesterase 12 [Source:HGNC Symbol;Acc:HGNC:25386]</t>
  </si>
  <si>
    <t>ENSG00000121060</t>
  </si>
  <si>
    <t>7706 100500827</t>
  </si>
  <si>
    <t>TRIM25</t>
  </si>
  <si>
    <t>tripartite motif containing 25 [Source:HGNC Symbol;Acc:HGNC:12932]</t>
  </si>
  <si>
    <t>ENSG00000110367</t>
  </si>
  <si>
    <t>DDX6</t>
  </si>
  <si>
    <t>DEAD-box helicase 6 [Source:HGNC Symbol;Acc:HGNC:2747]</t>
  </si>
  <si>
    <t>ENSG00000196497</t>
  </si>
  <si>
    <t>IPO4</t>
  </si>
  <si>
    <t>importin 4 [Source:HGNC Symbol;Acc:HGNC:19426]</t>
  </si>
  <si>
    <t>ENSG00000143633</t>
  </si>
  <si>
    <t>C1orf131</t>
  </si>
  <si>
    <t>chromosome 1 open reading frame 131 [Source:HGNC Symbol;Acc:HGNC:25332]</t>
  </si>
  <si>
    <t>ENSG00000100129</t>
  </si>
  <si>
    <t>EIF3L</t>
  </si>
  <si>
    <t>eukaryotic translation initiation factor 3 subunit L [Source:HGNC Symbol;Acc:HGNC:18138]</t>
  </si>
  <si>
    <t>ENSG00000065183</t>
  </si>
  <si>
    <t>WDR3</t>
  </si>
  <si>
    <t>WD repeat domain 3 [Source:HGNC Symbol;Acc:HGNC:12755]</t>
  </si>
  <si>
    <t>ENSG00000070756</t>
  </si>
  <si>
    <t>26986 102466854</t>
  </si>
  <si>
    <t>PABPC1</t>
  </si>
  <si>
    <t>poly(A) binding protein cytoplasmic 1 [Source:HGNC Symbol;Acc:HGNC:8554]</t>
  </si>
  <si>
    <t>ENSG00000117408</t>
  </si>
  <si>
    <t>IPO13</t>
  </si>
  <si>
    <t>importin 13 [Source:HGNC Symbol;Acc:HGNC:16853]</t>
  </si>
  <si>
    <t>ENSG00000182718</t>
  </si>
  <si>
    <t>ANXA2</t>
  </si>
  <si>
    <t>annexin A2 [Source:HGNC Symbol;Acc:HGNC:537]</t>
  </si>
  <si>
    <t>ENSG00000141499</t>
  </si>
  <si>
    <t>WRAP53</t>
  </si>
  <si>
    <t>WD repeat containing antisense to TP53 [Source:HGNC Symbol;Acc:HGNC:25522]</t>
  </si>
  <si>
    <t>ENSG00000106211</t>
  </si>
  <si>
    <t>HSPB1</t>
  </si>
  <si>
    <t>heat shock protein family B (small) member 1 [Source:HGNC Symbol;Acc:HGNC:5246]</t>
  </si>
  <si>
    <t>ENSG00000137574</t>
  </si>
  <si>
    <t>TGS1</t>
  </si>
  <si>
    <t>trimethylguanosine synthase 1 [Source:HGNC Symbol;Acc:HGNC:17843]</t>
  </si>
  <si>
    <t>ENSG00000147677</t>
  </si>
  <si>
    <t>EIF3H</t>
  </si>
  <si>
    <t>eukaryotic translation initiation factor 3 subunit H [Source:HGNC Symbol;Acc:HGNC:3273]</t>
  </si>
  <si>
    <t>ENSG00000139233</t>
  </si>
  <si>
    <t>LLPH</t>
  </si>
  <si>
    <t>LLP homolog, long-term synaptic facilitation [Source:HGNC Symbol;Acc:HGNC:28229]</t>
  </si>
  <si>
    <t>ENSG00000179299</t>
  </si>
  <si>
    <t>NSUN7</t>
  </si>
  <si>
    <t>NOP2/Sun RNA methyltransferase family member 7 [Source:HGNC Symbol;Acc:HGNC:25857]</t>
  </si>
  <si>
    <t>ENSG00000109618</t>
  </si>
  <si>
    <t>SEPSECS</t>
  </si>
  <si>
    <t>Sep (O-phosphoserine) tRNA:Sec (selenocysteine) tRNA synthase [Source:HGNC Symbol;Acc:HGNC:30605]</t>
  </si>
  <si>
    <t>ENSG00000102053</t>
  </si>
  <si>
    <t>ZC3H12B</t>
  </si>
  <si>
    <t>zinc finger CCCH-type containing 12B [Source:HGNC Symbol;Acc:HGNC:17407]</t>
  </si>
  <si>
    <t>ENSG00000132275</t>
  </si>
  <si>
    <t>RRP8</t>
  </si>
  <si>
    <t>ribosomal RNA processing 8, methyltransferase, homolog (yeast) [Source:HGNC Symbol;Acc:HGNC:29030]</t>
  </si>
  <si>
    <t>ENSG00000146676</t>
  </si>
  <si>
    <t>5814 100616393</t>
  </si>
  <si>
    <t>PURB</t>
  </si>
  <si>
    <t>purine rich element binding protein B [Source:HGNC Symbol;Acc:HGNC:9702]</t>
  </si>
  <si>
    <t>ENSG00000185414</t>
  </si>
  <si>
    <t>MRPL30</t>
  </si>
  <si>
    <t>mitochondrial ribosomal protein L30 [Source:HGNC Symbol;Acc:HGNC:14036]</t>
  </si>
  <si>
    <t>ENSG00000100354</t>
  </si>
  <si>
    <t>TNRC6B</t>
  </si>
  <si>
    <t>trinucleotide repeat containing 6B [Source:HGNC Symbol;Acc:HGNC:29190]</t>
  </si>
  <si>
    <t>ENSG00000136104</t>
  </si>
  <si>
    <t>RNASEH2B</t>
  </si>
  <si>
    <t>ribonuclease H2 subunit B [Source:HGNC Symbol;Acc:HGNC:25671]</t>
  </si>
  <si>
    <t>ENSG00000142676</t>
  </si>
  <si>
    <t>RPL11</t>
  </si>
  <si>
    <t>ribosomal protein L11 [Source:HGNC Symbol;Acc:HGNC:10301]</t>
  </si>
  <si>
    <t>ENSG00000169045</t>
  </si>
  <si>
    <t>HNRNPH1</t>
  </si>
  <si>
    <t>heterogeneous nuclear ribonucleoprotein H1 (H) [Source:HGNC Symbol;Acc:HGNC:5041]</t>
  </si>
  <si>
    <t>ENSG00000110888</t>
  </si>
  <si>
    <t>CAPRIN2</t>
  </si>
  <si>
    <t>caprin family member 2 [Source:HGNC Symbol;Acc:HGNC:21259]</t>
  </si>
  <si>
    <t>ENSG00000100142</t>
  </si>
  <si>
    <t>POLR2F</t>
  </si>
  <si>
    <t>RNA polymerase II subunit F [Source:HGNC Symbol;Acc:HGNC:9193]</t>
  </si>
  <si>
    <t>ENSG00000149289</t>
  </si>
  <si>
    <t>ZC3H12C</t>
  </si>
  <si>
    <t>zinc finger CCCH-type containing 12C [Source:HGNC Symbol;Acc:HGNC:29362]</t>
  </si>
  <si>
    <t>ENSG00000148303</t>
  </si>
  <si>
    <t>RPL7A</t>
  </si>
  <si>
    <t>ribosomal protein L7a [Source:HGNC Symbol;Acc:HGNC:10364]</t>
  </si>
  <si>
    <t>ENSG00000101347</t>
  </si>
  <si>
    <t>SAMHD1</t>
  </si>
  <si>
    <t>SAM and HD domain containing deoxynucleoside triphosphate triphosphohydrolase 1 [Source:HGNC Symbol;Acc:HGNC:15925]</t>
  </si>
  <si>
    <t>ENSG00000183496</t>
  </si>
  <si>
    <t>MEX3B</t>
  </si>
  <si>
    <t>mex-3 RNA binding family member B [Source:HGNC Symbol;Acc:HGNC:25297]</t>
  </si>
  <si>
    <t>ENSG00000144642</t>
  </si>
  <si>
    <t>RBMS3</t>
  </si>
  <si>
    <t>RNA binding motif single stranded interacting protein 3 [Source:HGNC Symbol;Acc:HGNC:13427]</t>
  </si>
  <si>
    <t>ENSG00000161642</t>
  </si>
  <si>
    <t>ZNF385A</t>
  </si>
  <si>
    <t>zinc finger protein 385A [Source:HGNC Symbol;Acc:HGNC:17521]</t>
  </si>
  <si>
    <t>ENSG00000108506</t>
  </si>
  <si>
    <t>INTS2</t>
  </si>
  <si>
    <t>integrator complex subunit 2 [Source:HGNC Symbol;Acc:HGNC:29241]</t>
  </si>
  <si>
    <t>ENSG00000065457</t>
  </si>
  <si>
    <t>ADAT1</t>
  </si>
  <si>
    <t>adenosine deaminase, tRNA specific 1 [Source:HGNC Symbol;Acc:HGNC:228]</t>
  </si>
  <si>
    <t>ENSG00000105058</t>
  </si>
  <si>
    <t>FAM32A</t>
  </si>
  <si>
    <t>family with sequence similarity 32 member A [Source:HGNC Symbol;Acc:HGNC:24563]</t>
  </si>
  <si>
    <t>ENSG00000123200</t>
  </si>
  <si>
    <t>ZC3H13</t>
  </si>
  <si>
    <t>zinc finger CCCH-type containing 13 [Source:HGNC Symbol;Acc:HGNC:20368]</t>
  </si>
  <si>
    <t>ENSG00000185246</t>
  </si>
  <si>
    <t>PRPF39</t>
  </si>
  <si>
    <t>pre-mRNA processing factor 39 [Source:HGNC Symbol;Acc:HGNC:20314]</t>
  </si>
  <si>
    <t>ENSG00000021776</t>
  </si>
  <si>
    <t>AQR</t>
  </si>
  <si>
    <t>aquarius intron-binding spliceosomal factor [Source:HGNC Symbol;Acc:HGNC:29513]</t>
  </si>
  <si>
    <t>ENSG00000123636</t>
  </si>
  <si>
    <t>BAZ2B</t>
  </si>
  <si>
    <t>bromodomain adjacent to zinc finger domain 2B [Source:HGNC Symbol;Acc:HGNC:963]</t>
  </si>
  <si>
    <t>ENSG00000073792</t>
  </si>
  <si>
    <t>IGF2BP2</t>
  </si>
  <si>
    <t>insulin like growth factor 2 mRNA binding protein 2 [Source:HGNC Symbol;Acc:HGNC:28867]</t>
  </si>
  <si>
    <t>ENSG00000134698</t>
  </si>
  <si>
    <t>AGO4</t>
  </si>
  <si>
    <t>argonaute 4, RISC catalytic component [Source:HGNC Symbol;Acc:HGNC:18424]</t>
  </si>
  <si>
    <t>ENSG00000198492</t>
  </si>
  <si>
    <t>YTHDF2</t>
  </si>
  <si>
    <t>YTH N6-methyladenosine RNA binding protein 2 [Source:HGNC Symbol;Acc:HGNC:31675]</t>
  </si>
  <si>
    <t>ENSG00000147274</t>
  </si>
  <si>
    <t>RBMX</t>
  </si>
  <si>
    <t>RNA binding motif protein, X-linked [Source:HGNC Symbol;Acc:HGNC:9910]</t>
  </si>
  <si>
    <t>ENSG00000122034</t>
  </si>
  <si>
    <t>GTF3A</t>
  </si>
  <si>
    <t>general transcription factor IIIA [Source:HGNC Symbol;Acc:HGNC:4662]</t>
  </si>
  <si>
    <t>ENSG00000122033</t>
  </si>
  <si>
    <t>MTIF3</t>
  </si>
  <si>
    <t>mitochondrial translational initiation factor 3 [Source:HGNC Symbol;Acc:HGNC:29788]</t>
  </si>
  <si>
    <t>ENSG00000165832</t>
  </si>
  <si>
    <t>TRUB1</t>
  </si>
  <si>
    <t>TruB pseudouridine synthase family member 1 [Source:HGNC Symbol;Acc:HGNC:16060]</t>
  </si>
  <si>
    <t>ENSG00000100823</t>
  </si>
  <si>
    <t>APEX1</t>
  </si>
  <si>
    <t>apurinic/apyrimidinic endodeoxyribonuclease 1 [Source:HGNC Symbol;Acc:HGNC:587]</t>
  </si>
  <si>
    <t>ENSG00000115524</t>
  </si>
  <si>
    <t>SF3B1</t>
  </si>
  <si>
    <t>splicing factor 3b subunit 1 [Source:HGNC Symbol;Acc:HGNC:10768]</t>
  </si>
  <si>
    <t>ENSG00000105372</t>
  </si>
  <si>
    <t>RPS19</t>
  </si>
  <si>
    <t>ribosomal protein S19 [Source:HGNC Symbol;Acc:HGNC:10402]</t>
  </si>
  <si>
    <t>ENSG00000199568</t>
  </si>
  <si>
    <t>RNU5A-1</t>
  </si>
  <si>
    <t>RNA, U5A small nuclear 1 [Source:HGNC Symbol;Acc:HGNC:10211]</t>
  </si>
  <si>
    <t>ENSG00000010244</t>
  </si>
  <si>
    <t>7756 693217</t>
  </si>
  <si>
    <t>ZNF207</t>
  </si>
  <si>
    <t>zinc finger protein 207 [Source:HGNC Symbol;Acc:HGNC:12998]</t>
  </si>
  <si>
    <t>ENSG00000196141</t>
  </si>
  <si>
    <t>SPATS2L</t>
  </si>
  <si>
    <t>spermatogenesis associated serine rich 2 like [Source:HGNC Symbol;Acc:HGNC:24574]</t>
  </si>
  <si>
    <t>ENSG00000189060</t>
  </si>
  <si>
    <t>H1F0</t>
  </si>
  <si>
    <t>H1 histone family member 0 [Source:HGNC Symbol;Acc:HGNC:4714]</t>
  </si>
  <si>
    <t>ENSG00000152518</t>
  </si>
  <si>
    <t>ZFP36L2</t>
  </si>
  <si>
    <t>ZFP36 ring finger protein like 2 [Source:HGNC Symbol;Acc:HGNC:1108]</t>
  </si>
  <si>
    <t>ENSG00000076067</t>
  </si>
  <si>
    <t>RBMS2</t>
  </si>
  <si>
    <t>RNA binding motif single stranded interacting protein 2 [Source:HGNC Symbol;Acc:HGNC:9909]</t>
  </si>
  <si>
    <t>ENSG00000117523</t>
  </si>
  <si>
    <t>PRRC2C</t>
  </si>
  <si>
    <t>proline rich coiled-coil 2C [Source:HGNC Symbol;Acc:HGNC:24903]</t>
  </si>
  <si>
    <t>ENSG00000135387</t>
  </si>
  <si>
    <t>CAPRIN1</t>
  </si>
  <si>
    <t>cell cycle associated protein 1 [Source:HGNC Symbol;Acc:HGNC:6743]</t>
  </si>
  <si>
    <t>ENSG00000155846</t>
  </si>
  <si>
    <t>PPARGC1B</t>
  </si>
  <si>
    <t>PPARG coactivator 1 beta [Source:HGNC Symbol;Acc:HGNC:30022]</t>
  </si>
  <si>
    <t>ENSG00000105793</t>
  </si>
  <si>
    <t>85865 101927446</t>
  </si>
  <si>
    <t>GTPBP10</t>
  </si>
  <si>
    <t>GTP binding protein 10 [Source:HGNC Symbol;Acc:HGNC:25106]</t>
  </si>
  <si>
    <t>ENSG00000136527</t>
  </si>
  <si>
    <t>TRA2B</t>
  </si>
  <si>
    <t>transformer 2 beta homolog (Drosophila) [Source:HGNC Symbol;Acc:HGNC:10781]</t>
  </si>
  <si>
    <t>ENSG00000106344</t>
  </si>
  <si>
    <t>RBM28</t>
  </si>
  <si>
    <t>RNA binding motif protein 28 [Source:HGNC Symbol;Acc:HGNC:21863]</t>
  </si>
  <si>
    <t>ENSG00000147140</t>
  </si>
  <si>
    <t>NONO</t>
  </si>
  <si>
    <t>non-POU domain containing, octamer-binding [Source:HGNC Symbol;Acc:HGNC:7871]</t>
  </si>
  <si>
    <t>ENSG00000206503</t>
  </si>
  <si>
    <t>HLA-A</t>
  </si>
  <si>
    <t>major histocompatibility complex, class I, A [Source:HGNC Symbol;Acc:HGNC:4931]</t>
  </si>
  <si>
    <t>ENSG00000173914</t>
  </si>
  <si>
    <t>RBM4B</t>
  </si>
  <si>
    <t>RNA binding motif protein 4B [Source:HGNC Symbol;Acc:HGNC:28842]</t>
  </si>
  <si>
    <t>ENSG00000041802</t>
  </si>
  <si>
    <t>LSG1</t>
  </si>
  <si>
    <t>large 60S subunit nuclear export GTPase 1 [Source:HGNC Symbol;Acc:HGNC:25652]</t>
  </si>
  <si>
    <t>ENSG00000165494</t>
  </si>
  <si>
    <t>PCF11</t>
  </si>
  <si>
    <t>PCF11 cleavage and polyadenylation factor subunit [Source:HGNC Symbol;Acc:HGNC:30097]</t>
  </si>
  <si>
    <t>ENSG00000099821</t>
  </si>
  <si>
    <t>POLRMT</t>
  </si>
  <si>
    <t>RNA polymerase mitochondrial [Source:HGNC Symbol;Acc:HGNC:9200]</t>
  </si>
  <si>
    <t>ENSG00000138646</t>
  </si>
  <si>
    <t>HERC5</t>
  </si>
  <si>
    <t>HECT and RLD domain containing E3 ubiquitin protein ligase 5 [Source:HGNC Symbol;Acc:HGNC:24368]</t>
  </si>
  <si>
    <t>ENSG00000172346</t>
  </si>
  <si>
    <t>CSDC2</t>
  </si>
  <si>
    <t>cold shock domain containing C2 [Source:HGNC Symbol;Acc:HGNC:30359]</t>
  </si>
  <si>
    <t>ENSG00000107164</t>
  </si>
  <si>
    <t>FUBP3</t>
  </si>
  <si>
    <t>far upstream element binding protein 3 [Source:HGNC Symbol;Acc:HGNC:4005]</t>
  </si>
  <si>
    <t>ENSG00000005436</t>
  </si>
  <si>
    <t>GCFC2</t>
  </si>
  <si>
    <t>GC-rich sequence DNA-binding factor 2 [Source:HGNC Symbol;Acc:HGNC:1317]</t>
  </si>
  <si>
    <t>ENSG00000005100</t>
  </si>
  <si>
    <t>DHX33</t>
  </si>
  <si>
    <t>DEAH-box helicase 33 [Source:HGNC Symbol;Acc:HGNC:16718]</t>
  </si>
  <si>
    <t>ENSG00000198015</t>
  </si>
  <si>
    <t>MRPL42</t>
  </si>
  <si>
    <t>mitochondrial ribosomal protein L42 [Source:HGNC Symbol;Acc:HGNC:14493]</t>
  </si>
  <si>
    <t>ENSG00000131504</t>
  </si>
  <si>
    <t>DIAPH1</t>
  </si>
  <si>
    <t>diaphanous related formin 1 [Source:HGNC Symbol;Acc:HGNC:2876]</t>
  </si>
  <si>
    <t>ENSG00000112739</t>
  </si>
  <si>
    <t>PRPF4B</t>
  </si>
  <si>
    <t>pre-mRNA processing factor 4B [Source:HGNC Symbol;Acc:HGNC:17346]</t>
  </si>
  <si>
    <t>ENSG00000117174</t>
  </si>
  <si>
    <t>ZNHIT6</t>
  </si>
  <si>
    <t>zinc finger HIT-type containing 6 [Source:HGNC Symbol;Acc:HGNC:26089]</t>
  </si>
  <si>
    <t>ENSG00000178694</t>
  </si>
  <si>
    <t>NSUN3</t>
  </si>
  <si>
    <t>NOP2/Sun RNA methyltransferase family member 3 [Source:HGNC Symbol;Acc:HGNC:26208]</t>
  </si>
  <si>
    <t>ENSG00000166783</t>
  </si>
  <si>
    <t>9665 102465252</t>
  </si>
  <si>
    <t>KIAA0430</t>
  </si>
  <si>
    <t>KIAA0430 [Source:HGNC Symbol;Acc:HGNC:29562]</t>
  </si>
  <si>
    <t>ENSG00000121774</t>
  </si>
  <si>
    <t>KHDRBS1</t>
  </si>
  <si>
    <t>KH RNA binding domain containing, signal transduction associated 1 [Source:HGNC Symbol;Acc:HGNC:18116]</t>
  </si>
  <si>
    <t>ENSG00000104907</t>
  </si>
  <si>
    <t>TRMT1</t>
  </si>
  <si>
    <t>tRNA methyltransferase 1 [Source:HGNC Symbol;Acc:HGNC:25980]</t>
  </si>
  <si>
    <t>ENSG00000143493</t>
  </si>
  <si>
    <t>INTS7</t>
  </si>
  <si>
    <t>integrator complex subunit 7 [Source:HGNC Symbol;Acc:HGNC:24484]</t>
  </si>
  <si>
    <t>ENSG00000125651</t>
  </si>
  <si>
    <t>GTF2F1</t>
  </si>
  <si>
    <t>general transcription factor IIF subunit 1 [Source:HGNC Symbol;Acc:HGNC:4652]</t>
  </si>
  <si>
    <t>ENSG00000089009</t>
  </si>
  <si>
    <t>RPL6</t>
  </si>
  <si>
    <t>ribosomal protein L6 [Source:HGNC Symbol;Acc:HGNC:10362]</t>
  </si>
  <si>
    <t>ENSG00000185745</t>
  </si>
  <si>
    <t>IFIT1</t>
  </si>
  <si>
    <t>interferon induced protein with tetratricopeptide repeats 1 [Source:HGNC Symbol;Acc:HGNC:5407]</t>
  </si>
  <si>
    <t>ENSG00000137760</t>
  </si>
  <si>
    <t>ALKBH8</t>
  </si>
  <si>
    <t>alkB homolog 8, tRNA methyltransferase [Source:HGNC Symbol;Acc:HGNC:25189]</t>
  </si>
  <si>
    <t>ENSG00000005022</t>
  </si>
  <si>
    <t>SLC25A5</t>
  </si>
  <si>
    <t>solute carrier family 25 member 5 [Source:HGNC Symbol;Acc:HGNC:10991]</t>
  </si>
  <si>
    <t>ENSG00000061936</t>
  </si>
  <si>
    <t>SFSWAP</t>
  </si>
  <si>
    <t>splicing factor SWAP homolog [Source:HGNC Symbol;Acc:HGNC:10790]</t>
  </si>
  <si>
    <t>ENSG00000165119</t>
  </si>
  <si>
    <t>3190 407043</t>
  </si>
  <si>
    <t>HNRNPK</t>
  </si>
  <si>
    <t>heterogeneous nuclear ribonucleoprotein K [Source:HGNC Symbol;Acc:HGNC:5044]</t>
  </si>
  <si>
    <t>ENSG00000100109</t>
  </si>
  <si>
    <t>TFIP11</t>
  </si>
  <si>
    <t>tuftelin interacting protein 11 [Source:HGNC Symbol;Acc:HGNC:17165]</t>
  </si>
  <si>
    <t>ENSG00000164985</t>
  </si>
  <si>
    <t>PSIP1</t>
  </si>
  <si>
    <t>PC4 and SFRS1 interacting protein 1 [Source:HGNC Symbol;Acc:HGNC:9527]</t>
  </si>
  <si>
    <t>ENSG00000108312</t>
  </si>
  <si>
    <t>UBTF</t>
  </si>
  <si>
    <t>upstream binding transcription factor, RNA polymerase I [Source:HGNC Symbol;Acc:HGNC:12511]</t>
  </si>
  <si>
    <t>ENSG00000125691</t>
  </si>
  <si>
    <t>RPL23</t>
  </si>
  <si>
    <t>ribosomal protein L23 [Source:HGNC Symbol;Acc:HGNC:10316]</t>
  </si>
  <si>
    <t>ENSG00000196262</t>
  </si>
  <si>
    <t>PPIA</t>
  </si>
  <si>
    <t>peptidylprolyl isomerase A [Source:HGNC Symbol;Acc:HGNC:9253]</t>
  </si>
  <si>
    <t>ENSG00000149100</t>
  </si>
  <si>
    <t>EIF3M</t>
  </si>
  <si>
    <t>eukaryotic translation initiation factor 3 subunit M [Source:HGNC Symbol;Acc:HGNC:24460]</t>
  </si>
  <si>
    <t>ENSG00000116251</t>
  </si>
  <si>
    <t>RPL22</t>
  </si>
  <si>
    <t>ribosomal protein L22 [Source:HGNC Symbol;Acc:HGNC:10315]</t>
  </si>
  <si>
    <t>ENSG00000145741</t>
  </si>
  <si>
    <t>BTF3</t>
  </si>
  <si>
    <t>basic transcription factor 3 [Source:HGNC Symbol;Acc:HGNC:1125]</t>
  </si>
  <si>
    <t>ENSG00000143569</t>
  </si>
  <si>
    <t>UBAP2L</t>
  </si>
  <si>
    <t>ubiquitin associated protein 2 like [Source:HGNC Symbol;Acc:HGNC:29877]</t>
  </si>
  <si>
    <t>ENSG00000004478</t>
  </si>
  <si>
    <t>FKBP4</t>
  </si>
  <si>
    <t>FK506 binding protein 4 [Source:HGNC Symbol;Acc:HGNC:3720]</t>
  </si>
  <si>
    <t>ENSG00000149531</t>
  </si>
  <si>
    <t>FRG1BP</t>
  </si>
  <si>
    <t>FSHD region gene 1 family member B, pseudogene [Source:HGNC Symbol;Acc:HGNC:15792]</t>
  </si>
  <si>
    <t>ENSG00000112081</t>
  </si>
  <si>
    <t>SRSF3</t>
  </si>
  <si>
    <t>serine and arginine rich splicing factor 3 [Source:HGNC Symbol;Acc:HGNC:10785]</t>
  </si>
  <si>
    <t>ENSG00000137547</t>
  </si>
  <si>
    <t>MRPL15</t>
  </si>
  <si>
    <t>mitochondrial ribosomal protein L15 [Source:HGNC Symbol;Acc:HGNC:14054]</t>
  </si>
  <si>
    <t>ENSG00000100201</t>
  </si>
  <si>
    <t>DDX17</t>
  </si>
  <si>
    <t>DEAD-box helicase 17 [Source:HGNC Symbol;Acc:HGNC:2740]</t>
  </si>
  <si>
    <t>ENSG00000184924</t>
  </si>
  <si>
    <t>PTRHD1</t>
  </si>
  <si>
    <t>peptidyl-tRNA hydrolase domain containing 1 [Source:HGNC Symbol;Acc:HGNC:33782]</t>
  </si>
  <si>
    <t>ENSG00000171863</t>
  </si>
  <si>
    <t>RPS7</t>
  </si>
  <si>
    <t>ribosomal protein S7 [Source:HGNC Symbol;Acc:HGNC:10440]</t>
  </si>
  <si>
    <t>ENSG00000056586</t>
  </si>
  <si>
    <t>RC3H2</t>
  </si>
  <si>
    <t>ring finger and CCCH-type domains 2 [Source:HGNC Symbol;Acc:HGNC:21461]</t>
  </si>
  <si>
    <t>ENSG00000182899</t>
  </si>
  <si>
    <t>RPL35A</t>
  </si>
  <si>
    <t>ribosomal protein L35a [Source:HGNC Symbol;Acc:HGNC:10345]</t>
  </si>
  <si>
    <t>ENSG00000008988</t>
  </si>
  <si>
    <t>RPS20</t>
  </si>
  <si>
    <t>ribosomal protein S20 [Source:HGNC Symbol;Acc:HGNC:10405]</t>
  </si>
  <si>
    <t>ENSG00000103248</t>
  </si>
  <si>
    <t>MTHFSD</t>
  </si>
  <si>
    <t>methenyltetrahydrofolate synthetase domain containing [Source:HGNC Symbol;Acc:HGNC:25778]</t>
  </si>
  <si>
    <t>ENSG00000089737</t>
  </si>
  <si>
    <t>DDX24</t>
  </si>
  <si>
    <t>DEAD-box helicase 24 [Source:HGNC Symbol;Acc:HGNC:13266]</t>
  </si>
  <si>
    <t>ENSG00000161813</t>
  </si>
  <si>
    <t>LARP4</t>
  </si>
  <si>
    <t>La ribonucleoprotein domain family member 4 [Source:HGNC Symbol;Acc:HGNC:24320]</t>
  </si>
  <si>
    <t>ENSG00000135829</t>
  </si>
  <si>
    <t>DHX9</t>
  </si>
  <si>
    <t>DEAH-box helicase 9 [Source:HGNC Symbol;Acc:HGNC:2750]</t>
  </si>
  <si>
    <t>ENSG00000077312</t>
  </si>
  <si>
    <t>SNRPA</t>
  </si>
  <si>
    <t>small nuclear ribonucleoprotein polypeptide A [Source:HGNC Symbol;Acc:HGNC:11151]</t>
  </si>
  <si>
    <t>ENSG00000151806</t>
  </si>
  <si>
    <t>GUF1</t>
  </si>
  <si>
    <t>GUF1 homolog, GTPase [Source:HGNC Symbol;Acc:HGNC:25799]</t>
  </si>
  <si>
    <t>ENSG00000206557</t>
  </si>
  <si>
    <t>TRIM71</t>
  </si>
  <si>
    <t>tripartite motif containing 71 [Source:HGNC Symbol;Acc:HGNC:32669]</t>
  </si>
  <si>
    <t>ENSG00000168827</t>
  </si>
  <si>
    <t>GFM1</t>
  </si>
  <si>
    <t>G elongation factor mitochondrial 1 [Source:HGNC Symbol;Acc:HGNC:13780]</t>
  </si>
  <si>
    <t>ENSG00000153250</t>
  </si>
  <si>
    <t>5937 100616364</t>
  </si>
  <si>
    <t>RBMS1</t>
  </si>
  <si>
    <t>RNA binding motif single stranded interacting protein 1 [Source:HGNC Symbol;Acc:HGNC:9907]</t>
  </si>
  <si>
    <t>ENSG00000111615</t>
  </si>
  <si>
    <t>KRR1</t>
  </si>
  <si>
    <t>KRR1, small subunit processome component homolog [Source:HGNC Symbol;Acc:HGNC:5176]</t>
  </si>
  <si>
    <t>ENSG00000160710</t>
  </si>
  <si>
    <t>ADAR</t>
  </si>
  <si>
    <t>adenosine deaminase, RNA specific [Source:HGNC Symbol;Acc:HGNC:225]</t>
  </si>
  <si>
    <t>ENSG00000163577</t>
  </si>
  <si>
    <t>EIF5A2</t>
  </si>
  <si>
    <t>eukaryotic translation initiation factor 5A2 [Source:HGNC Symbol;Acc:HGNC:3301]</t>
  </si>
  <si>
    <t>ENSG00000186834</t>
  </si>
  <si>
    <t>HEXIM1</t>
  </si>
  <si>
    <t>hexamethylene bisacetamide inducible 1 [Source:HGNC Symbol;Acc:HGNC:24953]</t>
  </si>
  <si>
    <t>ENSG00000136450</t>
  </si>
  <si>
    <t>SRSF1</t>
  </si>
  <si>
    <t>serine and arginine rich splicing factor 1 [Source:HGNC Symbol;Acc:HGNC:10780]</t>
  </si>
  <si>
    <t>ENSG00000213246</t>
  </si>
  <si>
    <t>SUPT4H1</t>
  </si>
  <si>
    <t>SPT4 homolog, DSIF elongation factor subunit [Source:HGNC Symbol;Acc:HGNC:11467]</t>
  </si>
  <si>
    <t>ENSG00000152684</t>
  </si>
  <si>
    <t>PELO</t>
  </si>
  <si>
    <t>pelota homolog (Drosophila) [Source:HGNC Symbol;Acc:HGNC:8829]</t>
  </si>
  <si>
    <t>ENSG00000181991</t>
  </si>
  <si>
    <t>MRPS11</t>
  </si>
  <si>
    <t>mitochondrial ribosomal protein S11 [Source:HGNC Symbol;Acc:HGNC:14050]</t>
  </si>
  <si>
    <t>ENSG00000180574</t>
  </si>
  <si>
    <t>EIF2S3L</t>
  </si>
  <si>
    <t>Putative eukaryotic translation initiation factor 2 subunit 3-like protein  [Source:UniProtKB/Swiss-Prot;Acc:Q2VIR3]</t>
  </si>
  <si>
    <t>ENSG00000116830</t>
  </si>
  <si>
    <t>TTF2</t>
  </si>
  <si>
    <t>transcription termination factor 2 [Source:HGNC Symbol;Acc:HGNC:12398]</t>
  </si>
  <si>
    <t>ENSG00000178718</t>
  </si>
  <si>
    <t>RPP25</t>
  </si>
  <si>
    <t>ribonuclease P/MRP subunit p25 [Source:HGNC Symbol;Acc:HGNC:30361]</t>
  </si>
  <si>
    <t>ENSG00000188846</t>
  </si>
  <si>
    <t>RPL14</t>
  </si>
  <si>
    <t>ribosomal protein L14 [Source:HGNC Symbol;Acc:HGNC:10305]</t>
  </si>
  <si>
    <t>ENSG00000130741</t>
  </si>
  <si>
    <t>EIF2S3</t>
  </si>
  <si>
    <t>eukaryotic translation initiation factor 2 subunit gamma [Source:HGNC Symbol;Acc:HGNC:3267]</t>
  </si>
  <si>
    <t>ENSG00000090861</t>
  </si>
  <si>
    <t>AARS</t>
  </si>
  <si>
    <t>alanyl-tRNA synthetase [Source:HGNC Symbol;Acc:HGNC:20]</t>
  </si>
  <si>
    <t>ENSG00000145425</t>
  </si>
  <si>
    <t>RPS3A</t>
  </si>
  <si>
    <t>ribosomal protein S3A [Source:HGNC Symbol;Acc:HGNC:10421]</t>
  </si>
  <si>
    <t>ENSG00000240563</t>
  </si>
  <si>
    <t>L1TD1</t>
  </si>
  <si>
    <t>LINE1 type transposase domain containing 1 [Source:HGNC Symbol;Acc:HGNC:25595]</t>
  </si>
  <si>
    <t>ENSG00000159840</t>
  </si>
  <si>
    <t>ZYX</t>
  </si>
  <si>
    <t>zyxin [Source:HGNC Symbol;Acc:HGNC:13200]</t>
  </si>
  <si>
    <t>ENSG00000185624</t>
  </si>
  <si>
    <t>P4HB</t>
  </si>
  <si>
    <t>prolyl 4-hydroxylase subunit beta [Source:HGNC Symbol;Acc:HGNC:8548]</t>
  </si>
  <si>
    <t>ENSG00000125844</t>
  </si>
  <si>
    <t>RRBP1</t>
  </si>
  <si>
    <t>ribosome binding protein 1 [Source:HGNC Symbol;Acc:HGNC:10448]</t>
  </si>
  <si>
    <t>ENSG00000115421</t>
  </si>
  <si>
    <t>PAPOLG</t>
  </si>
  <si>
    <t>poly(A) polymerase gamma [Source:HGNC Symbol;Acc:HGNC:14982]</t>
  </si>
  <si>
    <t>ENSG00000003756</t>
  </si>
  <si>
    <t>RBM5</t>
  </si>
  <si>
    <t>RNA binding motif protein 5 [Source:HGNC Symbol;Acc:HGNC:9902]</t>
  </si>
  <si>
    <t>ENSG00000151846</t>
  </si>
  <si>
    <t>PABPC3</t>
  </si>
  <si>
    <t>poly(A) binding protein cytoplasmic 3 [Source:HGNC Symbol;Acc:HGNC:8556]</t>
  </si>
  <si>
    <t>ENSG00000169813</t>
  </si>
  <si>
    <t>HNRNPF</t>
  </si>
  <si>
    <t>heterogeneous nuclear ribonucleoprotein F [Source:HGNC Symbol;Acc:HGNC:5039]</t>
  </si>
  <si>
    <t>ENSG00000184083</t>
  </si>
  <si>
    <t>FAM120C</t>
  </si>
  <si>
    <t>family with sequence similarity 120C [Source:HGNC Symbol;Acc:HGNC:16949]</t>
  </si>
  <si>
    <t>ENSG00000224470</t>
  </si>
  <si>
    <t>ATXN1L</t>
  </si>
  <si>
    <t>ataxin 1 like [Source:HGNC Symbol;Acc:HGNC:33279]</t>
  </si>
  <si>
    <t>ENSG00000163950</t>
  </si>
  <si>
    <t>SLBP</t>
  </si>
  <si>
    <t>stem-loop binding protein [Source:HGNC Symbol;Acc:HGNC:10904]</t>
  </si>
  <si>
    <t>ENSG00000147669</t>
  </si>
  <si>
    <t>POLR2K</t>
  </si>
  <si>
    <t>RNA polymerase II subunit K [Source:HGNC Symbol;Acc:HGNC:9198]</t>
  </si>
  <si>
    <t>ENSG00000075292</t>
  </si>
  <si>
    <t>ZNF638</t>
  </si>
  <si>
    <t>zinc finger protein 638 [Source:HGNC Symbol;Acc:HGNC:17894]</t>
  </si>
  <si>
    <t>ENSG00000213339</t>
  </si>
  <si>
    <t>QTRT1</t>
  </si>
  <si>
    <t>queuine tRNA-ribosyltransferase catalytic subunit 1 [Source:HGNC Symbol;Acc:HGNC:23797]</t>
  </si>
  <si>
    <t>ENSG00000137411</t>
  </si>
  <si>
    <t>VARS2</t>
  </si>
  <si>
    <t>valyl-tRNA synthetase 2, mitochondrial [Source:HGNC Symbol;Acc:HGNC:21642]</t>
  </si>
  <si>
    <t>ENSG00000269190</t>
  </si>
  <si>
    <t>FBXO17</t>
  </si>
  <si>
    <t>F-box protein 17 [Source:HGNC Symbol;Acc:HGNC:18754]</t>
  </si>
  <si>
    <t>ENSG00000198034</t>
  </si>
  <si>
    <t>RPS4X</t>
  </si>
  <si>
    <t>ribosomal protein S4, X-linked [Source:HGNC Symbol;Acc:HGNC:10424]</t>
  </si>
  <si>
    <t>ENSG00000108298</t>
  </si>
  <si>
    <t>RPL19</t>
  </si>
  <si>
    <t>ribosomal protein L19 [Source:HGNC Symbol;Acc:HGNC:10312]</t>
  </si>
  <si>
    <t>ENSG00000164548</t>
  </si>
  <si>
    <t>TRA2A</t>
  </si>
  <si>
    <t>transformer 2 alpha homolog [Source:HGNC Symbol;Acc:HGNC:16645]</t>
  </si>
  <si>
    <t>ENSG00000174720</t>
  </si>
  <si>
    <t>LARP7</t>
  </si>
  <si>
    <t>La ribonucleoprotein domain family member 7 [Source:HGNC Symbol;Acc:HGNC:24912]</t>
  </si>
  <si>
    <t>ENSG00000139793</t>
  </si>
  <si>
    <t>MBNL2</t>
  </si>
  <si>
    <t>muscleblind like splicing regulator 2 [Source:HGNC Symbol;Acc:HGNC:16746]</t>
  </si>
  <si>
    <t>ENSG00000140694</t>
  </si>
  <si>
    <t>PARN</t>
  </si>
  <si>
    <t>poly(A)-specific ribonuclease [Source:HGNC Symbol;Acc:HGNC:8609]</t>
  </si>
  <si>
    <t>ENSG00000265241</t>
  </si>
  <si>
    <t>RBM8A</t>
  </si>
  <si>
    <t>RNA binding motif protein 8A [Source:HGNC Symbol;Acc:HGNC:9905]</t>
  </si>
  <si>
    <t>ENSG00000125944</t>
  </si>
  <si>
    <t>HNRNPR</t>
  </si>
  <si>
    <t>heterogeneous nuclear ribonucleoprotein R [Source:HGNC Symbol;Acc:HGNC:5047]</t>
  </si>
  <si>
    <t>ENSG00000121486</t>
  </si>
  <si>
    <t>TRMT1L</t>
  </si>
  <si>
    <t>tRNA methyltransferase 1 like [Source:HGNC Symbol;Acc:HGNC:16782]</t>
  </si>
  <si>
    <t>ENSG00000162244</t>
  </si>
  <si>
    <t>RPL29</t>
  </si>
  <si>
    <t>ribosomal protein L29 [Source:HGNC Symbol;Acc:HGNC:10331]</t>
  </si>
  <si>
    <t>ENSG00000165055</t>
  </si>
  <si>
    <t>METTL2B</t>
  </si>
  <si>
    <t>methyltransferase like 2B [Source:HGNC Symbol;Acc:HGNC:18272]</t>
  </si>
  <si>
    <t>ENSG00000132953</t>
  </si>
  <si>
    <t>XPO4</t>
  </si>
  <si>
    <t>exportin 4 [Source:HGNC Symbol;Acc:HGNC:17796]</t>
  </si>
  <si>
    <t>ENSG00000253797</t>
  </si>
  <si>
    <t>UTP14C</t>
  </si>
  <si>
    <t>UTP14, small subunit processome component homolog C (S. cerevisiae) [Source:HGNC Symbol;Acc:HGNC:20321]</t>
  </si>
  <si>
    <t>ENSG00000130935</t>
  </si>
  <si>
    <t>NOL11</t>
  </si>
  <si>
    <t>nucleolar protein 11 [Source:HGNC Symbol;Acc:HGNC:24557]</t>
  </si>
  <si>
    <t>ENSG00000156482</t>
  </si>
  <si>
    <t>RPL30</t>
  </si>
  <si>
    <t>ribosomal protein L30 [Source:HGNC Symbol;Acc:HGNC:10333]</t>
  </si>
  <si>
    <t>ENSG00000134697</t>
  </si>
  <si>
    <t>GNL2</t>
  </si>
  <si>
    <t>G protein nucleolar 2 [Source:HGNC Symbol;Acc:HGNC:29925]</t>
  </si>
  <si>
    <t>ENSG00000188917</t>
  </si>
  <si>
    <t>TRMT2B</t>
  </si>
  <si>
    <t>tRNA methyltransferase 2 homolog B [Source:HGNC Symbol;Acc:HGNC:25748]</t>
  </si>
  <si>
    <t>ENSG00000254772</t>
  </si>
  <si>
    <t>EEF1G</t>
  </si>
  <si>
    <t>eukaryotic translation elongation factor 1 gamma [Source:HGNC Symbol;Acc:HGNC:3213]</t>
  </si>
  <si>
    <t>ENSG00000105321</t>
  </si>
  <si>
    <t>CCDC9</t>
  </si>
  <si>
    <t>coiled-coil domain containing 9 [Source:HGNC Symbol;Acc:HGNC:24560]</t>
  </si>
  <si>
    <t>ENSG00000198563</t>
  </si>
  <si>
    <t>DDX39B</t>
  </si>
  <si>
    <t>DEAD-box helicase 39B [Source:HGNC Symbol;Acc:HGNC:13917]</t>
  </si>
  <si>
    <t>ENSG00000088205</t>
  </si>
  <si>
    <t>DDX18</t>
  </si>
  <si>
    <t>DEAD-box helicase 18 [Source:HGNC Symbol;Acc:HGNC:2741]</t>
  </si>
  <si>
    <t>ENSG00000119616</t>
  </si>
  <si>
    <t>FCF1</t>
  </si>
  <si>
    <t>FCF1 rRNA-processing protein [Source:HGNC Symbol;Acc:HGNC:20220]</t>
  </si>
  <si>
    <t>ENSG00000150459</t>
  </si>
  <si>
    <t>SAP18</t>
  </si>
  <si>
    <t>Sin3A associated protein 18 [Source:HGNC Symbol;Acc:HGNC:10530]</t>
  </si>
  <si>
    <t>ENSG00000130348</t>
  </si>
  <si>
    <t>QRSL1</t>
  </si>
  <si>
    <t>glutaminyl-tRNA synthase (glutamine-hydrolyzing)-like 1 [Source:HGNC Symbol;Acc:HGNC:21020]</t>
  </si>
  <si>
    <t>ENSG00000135930</t>
  </si>
  <si>
    <t>EIF4E2</t>
  </si>
  <si>
    <t>eukaryotic translation initiation factor 4E family member 2 [Source:HGNC Symbol;Acc:HGNC:3293]</t>
  </si>
  <si>
    <t>ENSG00000175387</t>
  </si>
  <si>
    <t>SMAD2</t>
  </si>
  <si>
    <t>SMAD family member 2 [Source:HGNC Symbol;Acc:HGNC:6768]</t>
  </si>
  <si>
    <t>ENSG00000135482</t>
  </si>
  <si>
    <t>ZC3H10</t>
  </si>
  <si>
    <t>zinc finger CCCH-type containing 10 [Source:HGNC Symbol;Acc:HGNC:25893]</t>
  </si>
  <si>
    <t>ENSG00000130332</t>
  </si>
  <si>
    <t>LSM7</t>
  </si>
  <si>
    <t>LSM7 homolog, U6 small nuclear RNA and mRNA degradation associated [Source:HGNC Symbol;Acc:HGNC:20470]</t>
  </si>
  <si>
    <t>ENSG00000174953</t>
  </si>
  <si>
    <t>DHX36</t>
  </si>
  <si>
    <t>DEAH-box helicase 36 [Source:HGNC Symbol;Acc:HGNC:14410]</t>
  </si>
  <si>
    <t>ENSG00000120727</t>
  </si>
  <si>
    <t>PAIP2</t>
  </si>
  <si>
    <t>poly(A) binding protein interacting protein 2 [Source:HGNC Symbol;Acc:HGNC:17970]</t>
  </si>
  <si>
    <t>ENSG00000119314</t>
  </si>
  <si>
    <t>PTBP3</t>
  </si>
  <si>
    <t>polypyrimidine tract binding protein 3 [Source:HGNC Symbol;Acc:HGNC:10253]</t>
  </si>
  <si>
    <t>ENSG00000087995</t>
  </si>
  <si>
    <t>METTL2A</t>
  </si>
  <si>
    <t>methyltransferase like 2A [Source:HGNC Symbol;Acc:HGNC:25755]</t>
  </si>
  <si>
    <t>ENSG00000013364</t>
  </si>
  <si>
    <t>MVP</t>
  </si>
  <si>
    <t>major vault protein [Source:HGNC Symbol;Acc:HGNC:7531]</t>
  </si>
  <si>
    <t>ENSG00000168003</t>
  </si>
  <si>
    <t>SLC3A2</t>
  </si>
  <si>
    <t>solute carrier family 3 member 2 [Source:HGNC Symbol;Acc:HGNC:11026]</t>
  </si>
  <si>
    <t>ENSG00000106638</t>
  </si>
  <si>
    <t>TBL2</t>
  </si>
  <si>
    <t>transducin beta like 2 [Source:HGNC Symbol;Acc:HGNC:11586]</t>
  </si>
  <si>
    <t>ENSG00000187742</t>
  </si>
  <si>
    <t>SECISBP2</t>
  </si>
  <si>
    <t>SECIS binding protein 2 [Source:HGNC Symbol;Acc:HGNC:30972]</t>
  </si>
  <si>
    <t>ENSG00000189403</t>
  </si>
  <si>
    <t>HMGB1</t>
  </si>
  <si>
    <t>high mobility group box 1 [Source:HGNC Symbol;Acc:HGNC:4983]</t>
  </si>
  <si>
    <t>ENSG00000116754</t>
  </si>
  <si>
    <t>SRSF11</t>
  </si>
  <si>
    <t>serine and arginine rich splicing factor 11 [Source:HGNC Symbol;Acc:HGNC:10782]</t>
  </si>
  <si>
    <t>ENSG00000139746</t>
  </si>
  <si>
    <t>RBM26</t>
  </si>
  <si>
    <t>RNA binding motif protein 26 [Source:HGNC Symbol;Acc:HGNC:20327]</t>
  </si>
  <si>
    <t>ENSG00000109971</t>
  </si>
  <si>
    <t>HSPA8</t>
  </si>
  <si>
    <t>heat shock protein family A (Hsp70) member 8 [Source:HGNC Symbol;Acc:HGNC:5241]</t>
  </si>
  <si>
    <t>ENSG00000100227</t>
  </si>
  <si>
    <t>POLDIP3</t>
  </si>
  <si>
    <t>DNA polymerase delta interacting protein 3 [Source:HGNC Symbol;Acc:HGNC:23782]</t>
  </si>
  <si>
    <t>ENSG00000148843</t>
  </si>
  <si>
    <t>PDCD11</t>
  </si>
  <si>
    <t>programmed cell death 11 [Source:HGNC Symbol;Acc:HGNC:13408]</t>
  </si>
  <si>
    <t>ENSG00000183011</t>
  </si>
  <si>
    <t>NAA38</t>
  </si>
  <si>
    <t>N(alpha)-acetyltransferase 38, NatC auxiliary subunit [Source:HGNC Symbol;Acc:HGNC:28212]</t>
  </si>
  <si>
    <t>ENSG00000055917</t>
  </si>
  <si>
    <t>PUM2</t>
  </si>
  <si>
    <t>pumilio RNA binding family member 2 [Source:HGNC Symbol;Acc:HGNC:14958]</t>
  </si>
  <si>
    <t>ENSG00000145391</t>
  </si>
  <si>
    <t>SETD7</t>
  </si>
  <si>
    <t>SET domain containing lysine methyltransferase 7 [Source:HGNC Symbol;Acc:HGNC:30412]</t>
  </si>
  <si>
    <t>ENSG00000109475</t>
  </si>
  <si>
    <t>RPL34</t>
  </si>
  <si>
    <t>ribosomal protein L34 [Source:HGNC Symbol;Acc:HGNC:10340]</t>
  </si>
  <si>
    <t>ENSG00000099622</t>
  </si>
  <si>
    <t>CIRBP</t>
  </si>
  <si>
    <t>cold inducible RNA binding protein [Source:HGNC Symbol;Acc:HGNC:1982]</t>
  </si>
  <si>
    <t>ENSG00000161960</t>
  </si>
  <si>
    <t>EIF4A1</t>
  </si>
  <si>
    <t>eukaryotic translation initiation factor 4A1 [Source:HGNC Symbol;Acc:HGNC:3282]</t>
  </si>
  <si>
    <t>ENSG00000132109</t>
  </si>
  <si>
    <t>TRIM21</t>
  </si>
  <si>
    <t>tripartite motif containing 21 [Source:HGNC Symbol;Acc:HGNC:11312]</t>
  </si>
  <si>
    <t>ENSG00000169714</t>
  </si>
  <si>
    <t>CNBP</t>
  </si>
  <si>
    <t>CCHC-type zinc finger nucleic acid binding protein [Source:HGNC Symbol;Acc:HGNC:13164]</t>
  </si>
  <si>
    <t>ENSG00000196678</t>
  </si>
  <si>
    <t>ERI2</t>
  </si>
  <si>
    <t>ERI1 exoribonuclease family member 2 [Source:HGNC Symbol;Acc:HGNC:30541]</t>
  </si>
  <si>
    <t>ENSG00000113649</t>
  </si>
  <si>
    <t>TCERG1</t>
  </si>
  <si>
    <t>transcription elongation regulator 1 [Source:HGNC Symbol;Acc:HGNC:15630]</t>
  </si>
  <si>
    <t>ENSG00000213079</t>
  </si>
  <si>
    <t>SCAF8</t>
  </si>
  <si>
    <t>SR-related CTD associated factor 8 [Source:HGNC Symbol;Acc:HGNC:20959]</t>
  </si>
  <si>
    <t>ENSG00000067596</t>
  </si>
  <si>
    <t>DHX8</t>
  </si>
  <si>
    <t>DEAH-box helicase 8 [Source:HGNC Symbol;Acc:HGNC:2749]</t>
  </si>
  <si>
    <t>ENSG00000133606</t>
  </si>
  <si>
    <t>MKRN1</t>
  </si>
  <si>
    <t>makorin ring finger protein 1 [Source:HGNC Symbol;Acc:HGNC:7112]</t>
  </si>
  <si>
    <t>ENSG00000165275</t>
  </si>
  <si>
    <t>TRMT10B</t>
  </si>
  <si>
    <t>tRNA methyltransferase 10B [Source:HGNC Symbol;Acc:HGNC:26454]</t>
  </si>
  <si>
    <t>ENSG00000139168</t>
  </si>
  <si>
    <t>ZCRB1</t>
  </si>
  <si>
    <t>zinc finger CCHC-type and RNA binding motif containing 1 [Source:HGNC Symbol;Acc:HGNC:29620]</t>
  </si>
  <si>
    <t>ENSG00000172493</t>
  </si>
  <si>
    <t>AFF1</t>
  </si>
  <si>
    <t>AF4/FMR2 family member 1 [Source:HGNC Symbol;Acc:HGNC:7135]</t>
  </si>
  <si>
    <t>ENSG00000072756</t>
  </si>
  <si>
    <t>TRNT1</t>
  </si>
  <si>
    <t>tRNA nucleotidyl transferase 1 [Source:HGNC Symbol;Acc:HGNC:17341]</t>
  </si>
  <si>
    <t>ENSG00000105617</t>
  </si>
  <si>
    <t>LENG1</t>
  </si>
  <si>
    <t>leukocyte receptor cluster member 1 [Source:HGNC Symbol;Acc:HGNC:15502]</t>
  </si>
  <si>
    <t>ENSG00000138050</t>
  </si>
  <si>
    <t>THUMPD2</t>
  </si>
  <si>
    <t>THUMP domain containing 2 [Source:HGNC Symbol;Acc:HGNC:14890]</t>
  </si>
  <si>
    <t>ENSG00000198783</t>
  </si>
  <si>
    <t>ZNF830</t>
  </si>
  <si>
    <t>zinc finger protein 830 [Source:HGNC Symbol;Acc:HGNC:28291]</t>
  </si>
  <si>
    <t>ENSG00000103356</t>
  </si>
  <si>
    <t>EARS2</t>
  </si>
  <si>
    <t>glutamyl-tRNA synthetase 2, mitochondrial [Source:HGNC Symbol;Acc:HGNC:29419]</t>
  </si>
  <si>
    <t>ENSG00000136807</t>
  </si>
  <si>
    <t>1025 100422910 100616250</t>
  </si>
  <si>
    <t>CDK9</t>
  </si>
  <si>
    <t>cyclin dependent kinase 9 [Source:HGNC Symbol;Acc:HGNC:1780]</t>
  </si>
  <si>
    <t>ENSG00000122692</t>
  </si>
  <si>
    <t>SMU1</t>
  </si>
  <si>
    <t>DNA replication regulator and spliceosomal factor [Source:HGNC Symbol;Acc:HGNC:18247]</t>
  </si>
  <si>
    <t>ENSG00000221983</t>
  </si>
  <si>
    <t>UBA52</t>
  </si>
  <si>
    <t>ubiquitin A-52 residue ribosomal protein fusion product 1 [Source:HGNC Symbol;Acc:HGNC:12458]</t>
  </si>
  <si>
    <t>ENSG00000119285</t>
  </si>
  <si>
    <t>HEATR1</t>
  </si>
  <si>
    <t>HEAT repeat containing 1 [Source:HGNC Symbol;Acc:HGNC:25517]</t>
  </si>
  <si>
    <t>ENSG00000114127</t>
  </si>
  <si>
    <t>XRN1</t>
  </si>
  <si>
    <t>5'-3' exoribonuclease 1 [Source:HGNC Symbol;Acc:HGNC:30654]</t>
  </si>
  <si>
    <t>ENSG00000146223</t>
  </si>
  <si>
    <t>RPL7L1</t>
  </si>
  <si>
    <t>ribosomal protein L7 like 1 [Source:HGNC Symbol;Acc:HGNC:21370]</t>
  </si>
  <si>
    <t>ENSG00000120662</t>
  </si>
  <si>
    <t>MTRF1</t>
  </si>
  <si>
    <t>mitochondrial translational release factor 1 [Source:HGNC Symbol;Acc:HGNC:7469]</t>
  </si>
  <si>
    <t>ENSG00000166133</t>
  </si>
  <si>
    <t>RPUSD2</t>
  </si>
  <si>
    <t>RNA pseudouridylate synthase domain containing 2 [Source:HGNC Symbol;Acc:HGNC:24180]</t>
  </si>
  <si>
    <t>ENSG00000103005</t>
  </si>
  <si>
    <t>USB1</t>
  </si>
  <si>
    <t>U6 snRNA biogenesis phosphodiesterase 1 [Source:HGNC Symbol;Acc:HGNC:25792]</t>
  </si>
  <si>
    <t>ENSG00000138035</t>
  </si>
  <si>
    <t>PNPT1</t>
  </si>
  <si>
    <t>polyribonucleotide nucleotidyltransferase 1 [Source:HGNC Symbol;Acc:HGNC:23166]</t>
  </si>
  <si>
    <t>ENSG00000086102</t>
  </si>
  <si>
    <t>NFX1</t>
  </si>
  <si>
    <t>nuclear transcription factor, X-box binding 1 [Source:HGNC Symbol;Acc:HGNC:7803]</t>
  </si>
  <si>
    <t>ENSG00000115368</t>
  </si>
  <si>
    <t>WDR75</t>
  </si>
  <si>
    <t>WD repeat domain 75 [Source:HGNC Symbol;Acc:HGNC:25725]</t>
  </si>
  <si>
    <t>ENSG00000189306</t>
  </si>
  <si>
    <t>RRP7A</t>
  </si>
  <si>
    <t>ribosomal RNA processing 7 homolog A [Source:HGNC Symbol;Acc:HGNC:24286]</t>
  </si>
  <si>
    <t>ENSG00000105373</t>
  </si>
  <si>
    <t>GLTSCR2</t>
  </si>
  <si>
    <t>glioma tumor suppressor candidate region gene 2 [Source:HGNC Symbol;Acc:HGNC:4333]</t>
  </si>
  <si>
    <t>ENSG00000128739</t>
  </si>
  <si>
    <t>SNRPN</t>
  </si>
  <si>
    <t>small nuclear ribonucleoprotein polypeptide N [Source:HGNC Symbol;Acc:HGNC:11164]</t>
  </si>
  <si>
    <t>ENSG00000133858</t>
  </si>
  <si>
    <t>ZFC3H1</t>
  </si>
  <si>
    <t>zinc finger C3H1-type containing [Source:HGNC Symbol;Acc:HGNC:28328]</t>
  </si>
  <si>
    <t>ENSG00000150593</t>
  </si>
  <si>
    <t>27250 100616113</t>
  </si>
  <si>
    <t>PDCD4</t>
  </si>
  <si>
    <t>programmed cell death 4 (neoplastic transformation inhibitor) [Source:HGNC Symbol;Acc:HGNC:8763]</t>
  </si>
  <si>
    <t>ENSG00000005189</t>
  </si>
  <si>
    <t>AC004381.6</t>
  </si>
  <si>
    <t>Putative RNA exonuclease NEF-sp  [Source:UniProtKB/Swiss-Prot;Acc:Q96IC2]</t>
  </si>
  <si>
    <t>ENSG00000007392</t>
  </si>
  <si>
    <t>LUC7L</t>
  </si>
  <si>
    <t>LUC7 like [Source:HGNC Symbol;Acc:HGNC:6723]</t>
  </si>
  <si>
    <t>ENSG00000179335</t>
  </si>
  <si>
    <t>CLK3</t>
  </si>
  <si>
    <t>CDC like kinase 3 [Source:HGNC Symbol;Acc:HGNC:2071]</t>
  </si>
  <si>
    <t>ENSG00000165209</t>
  </si>
  <si>
    <t>STRBP</t>
  </si>
  <si>
    <t>spermatid perinuclear RNA binding protein [Source:HGNC Symbol;Acc:HGNC:16462]</t>
  </si>
  <si>
    <t>ENSG00000169976</t>
  </si>
  <si>
    <t>SF3B5</t>
  </si>
  <si>
    <t>splicing factor 3b subunit 5 [Source:HGNC Symbol;Acc:HGNC:21083]</t>
  </si>
  <si>
    <t>ENSG00000174444</t>
  </si>
  <si>
    <t>RPL4</t>
  </si>
  <si>
    <t>ribosomal protein L4 [Source:HGNC Symbol;Acc:HGNC:10353]</t>
  </si>
  <si>
    <t>ENSG00000165424</t>
  </si>
  <si>
    <t>ZCCHC24</t>
  </si>
  <si>
    <t>zinc finger CCHC-type containing 24 [Source:HGNC Symbol;Acc:HGNC:26911]</t>
  </si>
  <si>
    <t>ENSG00000106105</t>
  </si>
  <si>
    <t>GARS</t>
  </si>
  <si>
    <t>glycyl-tRNA synthetase [Source:HGNC Symbol;Acc:HGNC:4162]</t>
  </si>
  <si>
    <t>ENSG00000107651</t>
  </si>
  <si>
    <t>SEC23IP</t>
  </si>
  <si>
    <t>SEC23 interacting protein [Source:HGNC Symbol;Acc:HGNC:17018]</t>
  </si>
  <si>
    <t>ENSG00000129315</t>
  </si>
  <si>
    <t>CCNT1</t>
  </si>
  <si>
    <t>cyclin T1 [Source:HGNC Symbol;Acc:HGNC:1599]</t>
  </si>
  <si>
    <t>ENSG00000105323</t>
  </si>
  <si>
    <t>HNRNPUL1</t>
  </si>
  <si>
    <t>heterogeneous nuclear ribonucleoprotein U like 1 [Source:HGNC Symbol;Acc:HGNC:17011]</t>
  </si>
  <si>
    <t>ENSG00000029363</t>
  </si>
  <si>
    <t>BCLAF1</t>
  </si>
  <si>
    <t>BCL2 associated transcription factor 1 [Source:HGNC Symbol;Acc:HGNC:16863]</t>
  </si>
  <si>
    <t>ENSG00000167264</t>
  </si>
  <si>
    <t>DUS2</t>
  </si>
  <si>
    <t>dihydrouridine synthase 2 [Source:HGNC Symbol;Acc:HGNC:26014]</t>
  </si>
  <si>
    <t>ENSG00000169718</t>
  </si>
  <si>
    <t>DUS1L</t>
  </si>
  <si>
    <t>dihydrouridine synthase 1 like [Source:HGNC Symbol;Acc:HGNC:30086]</t>
  </si>
  <si>
    <t>ENSG00000128534</t>
  </si>
  <si>
    <t>LSM8</t>
  </si>
  <si>
    <t>LSM8 homolog, U6 small nuclear RNA associated [Source:HGNC Symbol;Acc:HGNC:20471]</t>
  </si>
  <si>
    <t>ENSG00000174891</t>
  </si>
  <si>
    <t>RSRC1</t>
  </si>
  <si>
    <t>arginine and serine rich coiled-coil 1 [Source:HGNC Symbol;Acc:HGNC:24152]</t>
  </si>
  <si>
    <t>ENSG00000111605</t>
  </si>
  <si>
    <t>CPSF6</t>
  </si>
  <si>
    <t>cleavage and polyadenylation specific factor 6 [Source:HGNC Symbol;Acc:HGNC:13871]</t>
  </si>
  <si>
    <t>ENSG00000015479</t>
  </si>
  <si>
    <t>MATR3</t>
  </si>
  <si>
    <t>matrin 3 [Source:HGNC Symbol;Acc:HGNC:6912]</t>
  </si>
  <si>
    <t>ENSG00000105821</t>
  </si>
  <si>
    <t>DNAJC2</t>
  </si>
  <si>
    <t>DnaJ heat shock protein family (Hsp40) member C2 [Source:HGNC Symbol;Acc:HGNC:13192]</t>
  </si>
  <si>
    <t>ENSG00000107929</t>
  </si>
  <si>
    <t>LARP4B</t>
  </si>
  <si>
    <t>La ribonucleoprotein domain family member 4B [Source:HGNC Symbol;Acc:HGNC:28987]</t>
  </si>
  <si>
    <t>ENSG00000131013</t>
  </si>
  <si>
    <t>PPIL4</t>
  </si>
  <si>
    <t>peptidylprolyl isomerase like 4 [Source:HGNC Symbol;Acc:HGNC:15702]</t>
  </si>
  <si>
    <t>ENSG00000122729</t>
  </si>
  <si>
    <t>ACO1</t>
  </si>
  <si>
    <t>aconitase 1 [Source:HGNC Symbol;Acc:HGNC:117]</t>
  </si>
  <si>
    <t>ENSG00000131043</t>
  </si>
  <si>
    <t>AAR2</t>
  </si>
  <si>
    <t>AAR2 splicing factor homolog [Source:HGNC Symbol;Acc:HGNC:15886]</t>
  </si>
  <si>
    <t>ENSG00000189007</t>
  </si>
  <si>
    <t>ADAT2</t>
  </si>
  <si>
    <t>adenosine deaminase, tRNA specific 2 [Source:HGNC Symbol;Acc:HGNC:21172]</t>
  </si>
  <si>
    <t>ENSG00000259494</t>
  </si>
  <si>
    <t>MRPL46</t>
  </si>
  <si>
    <t>mitochondrial ribosomal protein L46 [Source:HGNC Symbol;Acc:HGNC:1192]</t>
  </si>
  <si>
    <t>ENSG00000174780</t>
  </si>
  <si>
    <t>SRP72</t>
  </si>
  <si>
    <t>signal recognition particle 72 [Source:HGNC Symbol;Acc:HGNC:11303]</t>
  </si>
  <si>
    <t>ENSG00000160818</t>
  </si>
  <si>
    <t>GPATCH4</t>
  </si>
  <si>
    <t>G-patch domain containing 4 [Source:HGNC Symbol;Acc:HGNC:25982]</t>
  </si>
  <si>
    <t>ENSG00000241962</t>
  </si>
  <si>
    <t>RP11-111H13.1</t>
  </si>
  <si>
    <t>ENSG00000155275</t>
  </si>
  <si>
    <t>TRMT44</t>
  </si>
  <si>
    <t>tRNA methyltransferase 44 homolog (S. cerevisiae) [Source:HGNC Symbol;Acc:HGNC:26653]</t>
  </si>
  <si>
    <t>ENSG00000130956</t>
  </si>
  <si>
    <t>HABP4</t>
  </si>
  <si>
    <t>hyaluronan binding protein 4 [Source:HGNC Symbol;Acc:HGNC:17062]</t>
  </si>
  <si>
    <t>ENSG00000137168</t>
  </si>
  <si>
    <t>PPIL1</t>
  </si>
  <si>
    <t>peptidylprolyl isomerase like 1 [Source:HGNC Symbol;Acc:HGNC:9260]</t>
  </si>
  <si>
    <t>ENSG00000138376</t>
  </si>
  <si>
    <t>BARD1</t>
  </si>
  <si>
    <t>BRCA1 associated RING domain 1 [Source:HGNC Symbol;Acc:HGNC:952]</t>
  </si>
  <si>
    <t>ENSG00000185324</t>
  </si>
  <si>
    <t>CDK10</t>
  </si>
  <si>
    <t>cyclin dependent kinase 10 [Source:HGNC Symbol;Acc:HGNC:1770]</t>
  </si>
  <si>
    <t>ENSG00000119707</t>
  </si>
  <si>
    <t>RBM25</t>
  </si>
  <si>
    <t>RNA binding motif protein 25 [Source:HGNC Symbol;Acc:HGNC:23244]</t>
  </si>
  <si>
    <t>ENSG00000044115</t>
  </si>
  <si>
    <t>CTNNA1</t>
  </si>
  <si>
    <t>catenin alpha 1 [Source:HGNC Symbol;Acc:HGNC:2509]</t>
  </si>
  <si>
    <t>ENSG00000180917</t>
  </si>
  <si>
    <t>CMTR2</t>
  </si>
  <si>
    <t>cap methyltransferase 2 [Source:HGNC Symbol;Acc:HGNC:25635]</t>
  </si>
  <si>
    <t>ENSG00000159086</t>
  </si>
  <si>
    <t>PAXBP1</t>
  </si>
  <si>
    <t>PAX3 and PAX7 binding protein 1 [Source:HGNC Symbol;Acc:HGNC:13579]</t>
  </si>
  <si>
    <t>ENSG00000067533</t>
  </si>
  <si>
    <t>RRP15</t>
  </si>
  <si>
    <t>ribosomal RNA processing 15 homolog [Source:HGNC Symbol;Acc:HGNC:24255]</t>
  </si>
  <si>
    <t>ENSG00000092820</t>
  </si>
  <si>
    <t>EZR</t>
  </si>
  <si>
    <t>ezrin [Source:HGNC Symbol;Acc:HGNC:12691]</t>
  </si>
  <si>
    <t>ENSG00000171490</t>
  </si>
  <si>
    <t>RSL1D1</t>
  </si>
  <si>
    <t>ribosomal L1 domain containing 1 [Source:HGNC Symbol;Acc:HGNC:24534]</t>
  </si>
  <si>
    <t>ENSG00000156502</t>
  </si>
  <si>
    <t>SUPV3L1</t>
  </si>
  <si>
    <t>Suv3 like RNA helicase [Source:HGNC Symbol;Acc:HGNC:11471]</t>
  </si>
  <si>
    <t>ENSG00000124214</t>
  </si>
  <si>
    <t>STAU1</t>
  </si>
  <si>
    <t>staufen double-stranded RNA binding protein 1 [Source:HGNC Symbol;Acc:HGNC:11370]</t>
  </si>
  <si>
    <t>ENSG00000156697</t>
  </si>
  <si>
    <t>UTP14A</t>
  </si>
  <si>
    <t>UTP14A small subunit processome component [Source:HGNC Symbol;Acc:HGNC:10665]</t>
  </si>
  <si>
    <t>ENSG00000056097</t>
  </si>
  <si>
    <t>ZFR</t>
  </si>
  <si>
    <t>zinc finger RNA binding protein [Source:HGNC Symbol;Acc:HGNC:17277]</t>
  </si>
  <si>
    <t>ENSG00000104131</t>
  </si>
  <si>
    <t>EIF3J</t>
  </si>
  <si>
    <t>eukaryotic translation initiation factor 3 subunit J [Source:HGNC Symbol;Acc:HGNC:3270]</t>
  </si>
  <si>
    <t>ENSG00000119203</t>
  </si>
  <si>
    <t>CPSF3</t>
  </si>
  <si>
    <t>cleavage and polyadenylation specific factor 3 [Source:HGNC Symbol;Acc:HGNC:2326]</t>
  </si>
  <si>
    <t>ENSG00000258818</t>
  </si>
  <si>
    <t>RNASE4</t>
  </si>
  <si>
    <t>ribonuclease A family member 4 [Source:HGNC Symbol;Acc:HGNC:10047]</t>
  </si>
  <si>
    <t>ENSG00000140948</t>
  </si>
  <si>
    <t>ZCCHC14</t>
  </si>
  <si>
    <t>zinc finger CCHC-type containing 14 [Source:HGNC Symbol;Acc:HGNC:24134]</t>
  </si>
  <si>
    <t>ENSG00000197958</t>
  </si>
  <si>
    <t>RPL12</t>
  </si>
  <si>
    <t>ribosomal protein L12 [Source:HGNC Symbol;Acc:HGNC:10302]</t>
  </si>
  <si>
    <t>ENSG00000141526</t>
  </si>
  <si>
    <t>9123 102465472</t>
  </si>
  <si>
    <t>SLC16A3</t>
  </si>
  <si>
    <t>solute carrier family 16 member 3 [Source:HGNC Symbol;Acc:HGNC:10924]</t>
  </si>
  <si>
    <t>ENSG00000130921</t>
  </si>
  <si>
    <t>C12orf65</t>
  </si>
  <si>
    <t>chromosome 12 open reading frame 65 [Source:HGNC Symbol;Acc:HGNC:26784]</t>
  </si>
  <si>
    <t>ENSG00000082516</t>
  </si>
  <si>
    <t>GEMIN5</t>
  </si>
  <si>
    <t>gem nuclear organelle associated protein 5 [Source:HGNC Symbol;Acc:HGNC:20043]</t>
  </si>
  <si>
    <t>ENSG00000132819</t>
  </si>
  <si>
    <t>RBM38</t>
  </si>
  <si>
    <t>RNA binding motif protein 38 [Source:HGNC Symbol;Acc:HGNC:15818]</t>
  </si>
  <si>
    <t>ENSG00000103275</t>
  </si>
  <si>
    <t>UBE2I</t>
  </si>
  <si>
    <t>ubiquitin conjugating enzyme E2 I [Source:HGNC Symbol;Acc:HGNC:12485]</t>
  </si>
  <si>
    <t>ENSG00000206652</t>
  </si>
  <si>
    <t>RNU1-1</t>
  </si>
  <si>
    <t>RNA, U1 small nuclear 1 [Source:HGNC Symbol;Acc:HGNC:10120]</t>
  </si>
  <si>
    <t>ENSG00000134905</t>
  </si>
  <si>
    <t>CARS2</t>
  </si>
  <si>
    <t>cysteinyl-tRNA synthetase 2, mitochondrial (putative) [Source:HGNC Symbol;Acc:HGNC:25695]</t>
  </si>
  <si>
    <t>ENSG00000145907</t>
  </si>
  <si>
    <t>G3BP1</t>
  </si>
  <si>
    <t>G3BP stress granule assembly factor 1 [Source:HGNC Symbol;Acc:HGNC:30292]</t>
  </si>
  <si>
    <t>ENSG00000169057</t>
  </si>
  <si>
    <t>MECP2</t>
  </si>
  <si>
    <t>methyl-CpG binding protein 2 [Source:HGNC Symbol;Acc:HGNC:6990]</t>
  </si>
  <si>
    <t>ENSG00000020577</t>
  </si>
  <si>
    <t>SAMD4A</t>
  </si>
  <si>
    <t>sterile alpha motif domain containing 4A [Source:HGNC Symbol;Acc:HGNC:23023]</t>
  </si>
  <si>
    <t>ENSG00000061794</t>
  </si>
  <si>
    <t>MRPS35</t>
  </si>
  <si>
    <t>mitochondrial ribosomal protein S35 [Source:HGNC Symbol;Acc:HGNC:16635]</t>
  </si>
  <si>
    <t>ENSG00000165271</t>
  </si>
  <si>
    <t>NOL6</t>
  </si>
  <si>
    <t>nucleolar protein 6 [Source:HGNC Symbol;Acc:HGNC:19910]</t>
  </si>
  <si>
    <t>ENSG00000121057</t>
  </si>
  <si>
    <t>AKAP1</t>
  </si>
  <si>
    <t>A-kinase anchoring protein 1 [Source:HGNC Symbol;Acc:HGNC:367]</t>
  </si>
  <si>
    <t>ENSG00000185163</t>
  </si>
  <si>
    <t>DDX51</t>
  </si>
  <si>
    <t>DEAD-box helicase 51 [Source:HGNC Symbol;Acc:HGNC:20082]</t>
  </si>
  <si>
    <t>ENSG00000119718</t>
  </si>
  <si>
    <t>EIF2B2</t>
  </si>
  <si>
    <t>eukaryotic translation initiation factor 2B subunit beta [Source:HGNC Symbol;Acc:HGNC:3258]</t>
  </si>
  <si>
    <t>ENSG00000112578</t>
  </si>
  <si>
    <t>BYSL</t>
  </si>
  <si>
    <t>bystin like [Source:HGNC Symbol;Acc:HGNC:1157]</t>
  </si>
  <si>
    <t>ENSG00000168066</t>
  </si>
  <si>
    <t>SF1</t>
  </si>
  <si>
    <t>splicing factor 1 [Source:HGNC Symbol;Acc:HGNC:12950]</t>
  </si>
  <si>
    <t>ENSG00000109606</t>
  </si>
  <si>
    <t>DHX15</t>
  </si>
  <si>
    <t>DEAH-box helicase 15 [Source:HGNC Symbol;Acc:HGNC:2738]</t>
  </si>
  <si>
    <t>ENSG00000058729</t>
  </si>
  <si>
    <t>RIOK2</t>
  </si>
  <si>
    <t>RIO kinase 2 [Source:HGNC Symbol;Acc:HGNC:18999]</t>
  </si>
  <si>
    <t>ENSG00000145191</t>
  </si>
  <si>
    <t>EIF2B5</t>
  </si>
  <si>
    <t>eukaryotic translation initiation factor 2B subunit epsilon [Source:HGNC Symbol;Acc:HGNC:3261]</t>
  </si>
  <si>
    <t>ENSG00000165526</t>
  </si>
  <si>
    <t>RPUSD4</t>
  </si>
  <si>
    <t>RNA pseudouridylate synthase domain containing 4 [Source:HGNC Symbol;Acc:HGNC:25898]</t>
  </si>
  <si>
    <t>ENSG00000247626</t>
  </si>
  <si>
    <t>MARS2</t>
  </si>
  <si>
    <t>methionyl-tRNA synthetase 2, mitochondrial [Source:HGNC Symbol;Acc:HGNC:25133]</t>
  </si>
  <si>
    <t>ENSG00000137200</t>
  </si>
  <si>
    <t>CMTR1</t>
  </si>
  <si>
    <t>cap methyltransferase 1 [Source:HGNC Symbol;Acc:HGNC:21077]</t>
  </si>
  <si>
    <t>ENSG00000149273</t>
  </si>
  <si>
    <t>RPS3</t>
  </si>
  <si>
    <t>ribosomal protein S3 [Source:HGNC Symbol;Acc:HGNC:10420]</t>
  </si>
  <si>
    <t>ENSG00000116874</t>
  </si>
  <si>
    <t>WARS2</t>
  </si>
  <si>
    <t>tryptophanyl tRNA synthetase 2, mitochondrial [Source:HGNC Symbol;Acc:HGNC:12730]</t>
  </si>
  <si>
    <t>ENSG00000134684</t>
  </si>
  <si>
    <t>YARS</t>
  </si>
  <si>
    <t>tyrosyl-tRNA synthetase [Source:HGNC Symbol;Acc:HGNC:12840]</t>
  </si>
  <si>
    <t>ENSG00000164880</t>
  </si>
  <si>
    <t>INTS1</t>
  </si>
  <si>
    <t>integrator complex subunit 1 [Source:HGNC Symbol;Acc:HGNC:24555]</t>
  </si>
  <si>
    <t>ENSG00000137154</t>
  </si>
  <si>
    <t>RPS6</t>
  </si>
  <si>
    <t>ribosomal protein S6 [Source:HGNC Symbol;Acc:HGNC:10429]</t>
  </si>
  <si>
    <t>ENSG00000111144</t>
  </si>
  <si>
    <t>LTA4H</t>
  </si>
  <si>
    <t>leukotriene A4 hydrolase [Source:HGNC Symbol;Acc:HGNC:6710]</t>
  </si>
  <si>
    <t>ENSG00000102241</t>
  </si>
  <si>
    <t>HTATSF1</t>
  </si>
  <si>
    <t>HIV-1 Tat specific factor 1 [Source:HGNC Symbol;Acc:HGNC:5276]</t>
  </si>
  <si>
    <t>ENSG00000103342</t>
  </si>
  <si>
    <t>GSPT1</t>
  </si>
  <si>
    <t>G1 to S phase transition 1 [Source:HGNC Symbol;Acc:HGNC:4621]</t>
  </si>
  <si>
    <t>ENSG00000140988</t>
  </si>
  <si>
    <t>RPS2</t>
  </si>
  <si>
    <t>ribosomal protein S2 [Source:HGNC Symbol;Acc:HGNC:10404]</t>
  </si>
  <si>
    <t>ENSG00000124279</t>
  </si>
  <si>
    <t>FASTKD3</t>
  </si>
  <si>
    <t>FAST kinase domains 3 [Source:HGNC Symbol;Acc:HGNC:28758]</t>
  </si>
  <si>
    <t>ENSG00000167112</t>
  </si>
  <si>
    <t>TRUB2</t>
  </si>
  <si>
    <t>TruB pseudouridine synthase family member 2 [Source:HGNC Symbol;Acc:HGNC:17170]</t>
  </si>
  <si>
    <t>ENSG00000143751</t>
  </si>
  <si>
    <t>SDE2</t>
  </si>
  <si>
    <t>SDE2 telomere maintenance homolog [Source:HGNC Symbol;Acc:HGNC:26643]</t>
  </si>
  <si>
    <t>ENSG00000071082</t>
  </si>
  <si>
    <t>RPL31</t>
  </si>
  <si>
    <t>ribosomal protein L31 [Source:HGNC Symbol;Acc:HGNC:10334]</t>
  </si>
  <si>
    <t>ENSG00000132341</t>
  </si>
  <si>
    <t>RAN</t>
  </si>
  <si>
    <t>RAN, member RAS oncogene family [Source:HGNC Symbol;Acc:HGNC:9846]</t>
  </si>
  <si>
    <t>ENSG00000124831</t>
  </si>
  <si>
    <t>LRRFIP1</t>
  </si>
  <si>
    <t>LRR binding FLII interacting protein 1 [Source:HGNC Symbol;Acc:HGNC:6702]</t>
  </si>
  <si>
    <t>ENSG00000135828</t>
  </si>
  <si>
    <t>RNASEL</t>
  </si>
  <si>
    <t>ribonuclease L [Source:HGNC Symbol;Acc:HGNC:10050]</t>
  </si>
  <si>
    <t>ENSG00000170633</t>
  </si>
  <si>
    <t>RNF34</t>
  </si>
  <si>
    <t>ring finger protein 34 [Source:HGNC Symbol;Acc:HGNC:17297]</t>
  </si>
  <si>
    <t>ENSG00000112996</t>
  </si>
  <si>
    <t>MRPS30</t>
  </si>
  <si>
    <t>mitochondrial ribosomal protein S30 [Source:HGNC Symbol;Acc:HGNC:8769]</t>
  </si>
  <si>
    <t>ENSG00000091127</t>
  </si>
  <si>
    <t>PUS7</t>
  </si>
  <si>
    <t>pseudouridylate synthase 7 (putative) [Source:HGNC Symbol;Acc:HGNC:26033]</t>
  </si>
  <si>
    <t>ENSG00000083635</t>
  </si>
  <si>
    <t>NUFIP1</t>
  </si>
  <si>
    <t>NUFIP1, FMR1 interacting protein 1 [Source:HGNC Symbol;Acc:HGNC:8057]</t>
  </si>
  <si>
    <t>ENSG00000123384</t>
  </si>
  <si>
    <t>LRP1</t>
  </si>
  <si>
    <t>LDL receptor related protein 1 [Source:HGNC Symbol;Acc:HGNC:6692]</t>
  </si>
  <si>
    <t>ENSG00000198231</t>
  </si>
  <si>
    <t>DDX42</t>
  </si>
  <si>
    <t>DEAD-box helicase 42 [Source:HGNC Symbol;Acc:HGNC:18676]</t>
  </si>
  <si>
    <t>ENSG00000170892</t>
  </si>
  <si>
    <t>TSEN34</t>
  </si>
  <si>
    <t>tRNA splicing endonuclease subunit 34 [Source:HGNC Symbol;Acc:HGNC:15506]</t>
  </si>
  <si>
    <t>ENSG00000148296</t>
  </si>
  <si>
    <t>SURF6</t>
  </si>
  <si>
    <t>surfeit 6 [Source:HGNC Symbol;Acc:HGNC:11478]</t>
  </si>
  <si>
    <t>ENSG00000113240</t>
  </si>
  <si>
    <t>CLK4</t>
  </si>
  <si>
    <t>CDC like kinase 4 [Source:HGNC Symbol;Acc:HGNC:13659]</t>
  </si>
  <si>
    <t>ENSG00000187837</t>
  </si>
  <si>
    <t>HIST1H1C</t>
  </si>
  <si>
    <t>histone cluster 1, H1c [Source:HGNC Symbol;Acc:HGNC:4716]</t>
  </si>
  <si>
    <t>ENSG00000037474</t>
  </si>
  <si>
    <t>NSUN2</t>
  </si>
  <si>
    <t>NOP2/Sun RNA methyltransferase family member 2 [Source:HGNC Symbol;Acc:HGNC:25994]</t>
  </si>
  <si>
    <t>ENSG00000111641</t>
  </si>
  <si>
    <t>NOP2</t>
  </si>
  <si>
    <t>NOP2 nucleolar protein [Source:HGNC Symbol;Acc:HGNC:7867]</t>
  </si>
  <si>
    <t>ENSG00000074800</t>
  </si>
  <si>
    <t>ENO1</t>
  </si>
  <si>
    <t>enolase 1 [Source:HGNC Symbol;Acc:HGNC:3350]</t>
  </si>
  <si>
    <t>ENSG00000130749</t>
  </si>
  <si>
    <t>ZC3H4</t>
  </si>
  <si>
    <t>zinc finger CCCH-type containing 4 [Source:HGNC Symbol;Acc:HGNC:17808]</t>
  </si>
  <si>
    <t>ENSG00000112855</t>
  </si>
  <si>
    <t>HARS2</t>
  </si>
  <si>
    <t>histidyl-tRNA synthetase 2, mitochondrial [Source:HGNC Symbol;Acc:HGNC:4817]</t>
  </si>
  <si>
    <t>ENSG00000163811</t>
  </si>
  <si>
    <t>WDR43</t>
  </si>
  <si>
    <t>WD repeat domain 43 [Source:HGNC Symbol;Acc:HGNC:28945]</t>
  </si>
  <si>
    <t>ENSG00000134987</t>
  </si>
  <si>
    <t>WDR36</t>
  </si>
  <si>
    <t>WD repeat domain 36 [Source:HGNC Symbol;Acc:HGNC:30696]</t>
  </si>
  <si>
    <t>ENSG00000161547</t>
  </si>
  <si>
    <t>6427 693221</t>
  </si>
  <si>
    <t>SRSF2</t>
  </si>
  <si>
    <t>serine and arginine rich splicing factor 2 [Source:HGNC Symbol;Acc:HGNC:10783]</t>
  </si>
  <si>
    <t>ENSG00000105171</t>
  </si>
  <si>
    <t>POP4</t>
  </si>
  <si>
    <t>POP4 homolog, ribonuclease P/MRP subunit [Source:HGNC Symbol;Acc:HGNC:30081]</t>
  </si>
  <si>
    <t>ENSG00000145388</t>
  </si>
  <si>
    <t>METTL14</t>
  </si>
  <si>
    <t>methyltransferase like 14 [Source:HGNC Symbol;Acc:HGNC:29330]</t>
  </si>
  <si>
    <t>ENSG00000026297</t>
  </si>
  <si>
    <t>RNASET2</t>
  </si>
  <si>
    <t>ribonuclease T2 [Source:HGNC Symbol;Acc:HGNC:21686]</t>
  </si>
  <si>
    <t>ENSG00000143621</t>
  </si>
  <si>
    <t>ILF2</t>
  </si>
  <si>
    <t>interleukin enhancer binding factor 2 [Source:HGNC Symbol;Acc:HGNC:6037]</t>
  </si>
  <si>
    <t>ENSG00000067248</t>
  </si>
  <si>
    <t>DHX29</t>
  </si>
  <si>
    <t>DEAH-box helicase 29 [Source:HGNC Symbol;Acc:HGNC:15815]</t>
  </si>
  <si>
    <t>ENSG00000151304</t>
  </si>
  <si>
    <t>SRFBP1</t>
  </si>
  <si>
    <t>serum response factor binding protein 1 [Source:HGNC Symbol;Acc:HGNC:26333]</t>
  </si>
  <si>
    <t>ENSG00000146007</t>
  </si>
  <si>
    <t>ZMAT2</t>
  </si>
  <si>
    <t>zinc finger matrin-type 2 [Source:HGNC Symbol;Acc:HGNC:26433]</t>
  </si>
  <si>
    <t>ENSG00000136628</t>
  </si>
  <si>
    <t>EPRS</t>
  </si>
  <si>
    <t>glutamyl-prolyl-tRNA synthetase [Source:HGNC Symbol;Acc:HGNC:3418]</t>
  </si>
  <si>
    <t>ENSG00000131469</t>
  </si>
  <si>
    <t>RPL27</t>
  </si>
  <si>
    <t>ribosomal protein L27 [Source:HGNC Symbol;Acc:HGNC:10328]</t>
  </si>
  <si>
    <t>ENSG00000122068</t>
  </si>
  <si>
    <t>FYTTD1</t>
  </si>
  <si>
    <t>forty-two-three domain containing 1 [Source:HGNC Symbol;Acc:HGNC:25407]</t>
  </si>
  <si>
    <t>ENSG00000131018</t>
  </si>
  <si>
    <t>SYNE1</t>
  </si>
  <si>
    <t>spectrin repeat containing nuclear envelope protein 1 [Source:HGNC Symbol;Acc:HGNC:17089]</t>
  </si>
  <si>
    <t>ENSG00000090470</t>
  </si>
  <si>
    <t>PDCD7</t>
  </si>
  <si>
    <t>programmed cell death 7 [Source:HGNC Symbol;Acc:HGNC:8767]</t>
  </si>
  <si>
    <t>ENSG00000122435</t>
  </si>
  <si>
    <t>TRMT13</t>
  </si>
  <si>
    <t>tRNA methyltransferase 13 homolog [Source:HGNC Symbol;Acc:HGNC:25502]</t>
  </si>
  <si>
    <t>ENSG00000198900</t>
  </si>
  <si>
    <t>TOP1</t>
  </si>
  <si>
    <t>topoisomerase (DNA) I [Source:HGNC Symbol;Acc:HGNC:11986]</t>
  </si>
  <si>
    <t>ENSG00000115053</t>
  </si>
  <si>
    <t>NCL</t>
  </si>
  <si>
    <t>nucleolin [Source:HGNC Symbol;Acc:HGNC:7667]</t>
  </si>
  <si>
    <t>ENSG00000166181</t>
  </si>
  <si>
    <t>API5</t>
  </si>
  <si>
    <t>apoptosis inhibitor 5 [Source:HGNC Symbol;Acc:HGNC:594]</t>
  </si>
  <si>
    <t>ENSG00000090263</t>
  </si>
  <si>
    <t>MRPS33</t>
  </si>
  <si>
    <t>mitochondrial ribosomal protein S33 [Source:HGNC Symbol;Acc:HGNC:16634]</t>
  </si>
  <si>
    <t>ENSG00000103495</t>
  </si>
  <si>
    <t>MAZ</t>
  </si>
  <si>
    <t>MYC associated zinc finger protein [Source:HGNC Symbol;Acc:HGNC:6914]</t>
  </si>
  <si>
    <t>ENSG00000089157</t>
  </si>
  <si>
    <t>RPLP0</t>
  </si>
  <si>
    <t>ribosomal protein lateral stalk subunit P0 [Source:HGNC Symbol;Acc:HGNC:10371]</t>
  </si>
  <si>
    <t>ENSG00000196154</t>
  </si>
  <si>
    <t>S100A4</t>
  </si>
  <si>
    <t>S100 calcium binding protein A4 [Source:HGNC Symbol;Acc:HGNC:10494]</t>
  </si>
  <si>
    <t>ENSG00000101343</t>
  </si>
  <si>
    <t>CRNKL1</t>
  </si>
  <si>
    <t>crooked neck pre-mRNA splicing factor 1 [Source:HGNC Symbol;Acc:HGNC:15762]</t>
  </si>
  <si>
    <t>ENSG00000071859</t>
  </si>
  <si>
    <t>FAM50A</t>
  </si>
  <si>
    <t>family with sequence similarity 50 member A [Source:HGNC Symbol;Acc:HGNC:18786]</t>
  </si>
  <si>
    <t>ENSG00000115761</t>
  </si>
  <si>
    <t>NOL10</t>
  </si>
  <si>
    <t>nucleolar protein 10 [Source:HGNC Symbol;Acc:HGNC:25862]</t>
  </si>
  <si>
    <t>ENSG00000064703</t>
  </si>
  <si>
    <t>DDX20</t>
  </si>
  <si>
    <t>DEAD-box helicase 20 [Source:HGNC Symbol;Acc:HGNC:2743]</t>
  </si>
  <si>
    <t>ENSG00000130713</t>
  </si>
  <si>
    <t>EXOSC2</t>
  </si>
  <si>
    <t>exosome component 2 [Source:HGNC Symbol;Acc:HGNC:17097]</t>
  </si>
  <si>
    <t>ENSG00000131051</t>
  </si>
  <si>
    <t>RBM39</t>
  </si>
  <si>
    <t>RNA binding motif protein 39 [Source:HGNC Symbol;Acc:HGNC:15923]</t>
  </si>
  <si>
    <t>ENSG00000137513</t>
  </si>
  <si>
    <t>NARS2</t>
  </si>
  <si>
    <t>asparaginyl-tRNA synthetase 2, mitochondrial (putative) [Source:HGNC Symbol;Acc:HGNC:26274]</t>
  </si>
  <si>
    <t>ENSG00000169710</t>
  </si>
  <si>
    <t>FASN</t>
  </si>
  <si>
    <t>fatty acid synthase [Source:HGNC Symbol;Acc:HGNC:3594]</t>
  </si>
  <si>
    <t>ENSG00000136522</t>
  </si>
  <si>
    <t>MRPL47</t>
  </si>
  <si>
    <t>mitochondrial ribosomal protein L47 [Source:HGNC Symbol;Acc:HGNC:16652]</t>
  </si>
  <si>
    <t>ENSG00000067225</t>
  </si>
  <si>
    <t>PKM</t>
  </si>
  <si>
    <t>pyruvate kinase, muscle [Source:HGNC Symbol;Acc:HGNC:9021]</t>
  </si>
  <si>
    <t>ENSG00000138326</t>
  </si>
  <si>
    <t>RPS24</t>
  </si>
  <si>
    <t>ribosomal protein S24 [Source:HGNC Symbol;Acc:HGNC:10411]</t>
  </si>
  <si>
    <t>ENSG00000120705</t>
  </si>
  <si>
    <t>ETF1</t>
  </si>
  <si>
    <t>eukaryotic translation termination factor 1 [Source:HGNC Symbol;Acc:HGNC:3477]</t>
  </si>
  <si>
    <t>ENSG00000164934</t>
  </si>
  <si>
    <t>DCAF13</t>
  </si>
  <si>
    <t>DDB1 and CUL4 associated factor 13 [Source:HGNC Symbol;Acc:HGNC:24535]</t>
  </si>
  <si>
    <t>ENSG00000104889</t>
  </si>
  <si>
    <t>RNASEH2A</t>
  </si>
  <si>
    <t>ribonuclease H2 subunit A [Source:HGNC Symbol;Acc:HGNC:18518]</t>
  </si>
  <si>
    <t>ENSG00000169062</t>
  </si>
  <si>
    <t>UPF3A</t>
  </si>
  <si>
    <t>UPF3 regulator of nonsense transcripts homolog A (yeast) [Source:HGNC Symbol;Acc:HGNC:20332]</t>
  </si>
  <si>
    <t>ENSG00000119953</t>
  </si>
  <si>
    <t>SMNDC1</t>
  </si>
  <si>
    <t>survival motor neuron domain containing 1 [Source:HGNC Symbol;Acc:HGNC:16900]</t>
  </si>
  <si>
    <t>ENSG00000115310</t>
  </si>
  <si>
    <t>RTN4</t>
  </si>
  <si>
    <t>reticulon 4 [Source:HGNC Symbol;Acc:HGNC:14085]</t>
  </si>
  <si>
    <t>ENSG00000083223</t>
  </si>
  <si>
    <t>ZCCHC6</t>
  </si>
  <si>
    <t>zinc finger CCHC-type containing 6 [Source:HGNC Symbol;Acc:HGNC:25817]</t>
  </si>
  <si>
    <t>ENSG00000124380</t>
  </si>
  <si>
    <t>SNRNP27</t>
  </si>
  <si>
    <t>small nuclear ribonucleoprotein U4/U6.U5 subunit 27 [Source:HGNC Symbol;Acc:HGNC:30240]</t>
  </si>
  <si>
    <t>ENSG00000115364</t>
  </si>
  <si>
    <t>MRPL19</t>
  </si>
  <si>
    <t>mitochondrial ribosomal protein L19 [Source:HGNC Symbol;Acc:HGNC:14052]</t>
  </si>
  <si>
    <t>ENSG00000125445</t>
  </si>
  <si>
    <t>MRPS7</t>
  </si>
  <si>
    <t>mitochondrial ribosomal protein S7 [Source:HGNC Symbol;Acc:HGNC:14499]</t>
  </si>
  <si>
    <t>ENSG00000204764</t>
  </si>
  <si>
    <t>RANBP17</t>
  </si>
  <si>
    <t>RAN binding protein 17 [Source:HGNC Symbol;Acc:HGNC:14428]</t>
  </si>
  <si>
    <t>ENSG00000182117</t>
  </si>
  <si>
    <t>NOP10</t>
  </si>
  <si>
    <t>NOP10 ribonucleoprotein [Source:HGNC Symbol;Acc:HGNC:14378]</t>
  </si>
  <si>
    <t>ENSG00000104835</t>
  </si>
  <si>
    <t>SARS2</t>
  </si>
  <si>
    <t>seryl-tRNA synthetase 2, mitochondrial [Source:HGNC Symbol;Acc:HGNC:17697]</t>
  </si>
  <si>
    <t>ENSG00000075618</t>
  </si>
  <si>
    <t>FSCN1</t>
  </si>
  <si>
    <t>fascin actin-bundling protein 1 [Source:HGNC Symbol;Acc:HGNC:11148]</t>
  </si>
  <si>
    <t>ENSG00000146540</t>
  </si>
  <si>
    <t>C7orf50</t>
  </si>
  <si>
    <t>chromosome 7 open reading frame 50 [Source:HGNC Symbol;Acc:HGNC:22421]</t>
  </si>
  <si>
    <t>ENSG00000142528</t>
  </si>
  <si>
    <t>ZNF473</t>
  </si>
  <si>
    <t>zinc finger protein 473 [Source:HGNC Symbol;Acc:HGNC:23239]</t>
  </si>
  <si>
    <t>ENSG00000173145</t>
  </si>
  <si>
    <t>NOC3L</t>
  </si>
  <si>
    <t>NOC3 like DNA replication regulator [Source:HGNC Symbol;Acc:HGNC:24034]</t>
  </si>
  <si>
    <t>ENSG00000144231</t>
  </si>
  <si>
    <t>POLR2D</t>
  </si>
  <si>
    <t>RNA polymerase II subunit D [Source:HGNC Symbol;Acc:HGNC:9191]</t>
  </si>
  <si>
    <t>ENSG00000197976</t>
  </si>
  <si>
    <t>AKAP17A</t>
  </si>
  <si>
    <t>A-kinase anchoring protein 17A [Source:HGNC Symbol;Acc:HGNC:18783]</t>
  </si>
  <si>
    <t>ENSG00000124383</t>
  </si>
  <si>
    <t>MPHOSPH10</t>
  </si>
  <si>
    <t>M-phase phosphoprotein 10 [Source:HGNC Symbol;Acc:HGNC:7213]</t>
  </si>
  <si>
    <t>ENSG00000108591</t>
  </si>
  <si>
    <t>DRG2</t>
  </si>
  <si>
    <t>developmentally regulated GTP binding protein 2 [Source:HGNC Symbol;Acc:HGNC:3030]</t>
  </si>
  <si>
    <t>ENSG00000115946</t>
  </si>
  <si>
    <t>PNO1</t>
  </si>
  <si>
    <t>partner of NOB1 homolog [Source:HGNC Symbol;Acc:HGNC:32790]</t>
  </si>
  <si>
    <t>ENSG00000018610</t>
  </si>
  <si>
    <t>CXorf56</t>
  </si>
  <si>
    <t>chromosome X open reading frame 56 [Source:HGNC Symbol;Acc:HGNC:26239]</t>
  </si>
  <si>
    <t>ENSG00000120948</t>
  </si>
  <si>
    <t>TARDBP</t>
  </si>
  <si>
    <t>TAR DNA binding protein [Source:HGNC Symbol;Acc:HGNC:11571]</t>
  </si>
  <si>
    <t>ENSG00000168566</t>
  </si>
  <si>
    <t>SNRNP48</t>
  </si>
  <si>
    <t>small nuclear ribonucleoprotein U11/U12 subunit 48 [Source:HGNC Symbol;Acc:HGNC:21368]</t>
  </si>
  <si>
    <t>ENSG00000146909</t>
  </si>
  <si>
    <t>NOM1</t>
  </si>
  <si>
    <t>nucleolar protein with MIF4G domain 1 [Source:HGNC Symbol;Acc:HGNC:13244]</t>
  </si>
  <si>
    <t>ENSG00000086504</t>
  </si>
  <si>
    <t>MRPL28</t>
  </si>
  <si>
    <t>mitochondrial ribosomal protein L28 [Source:HGNC Symbol;Acc:HGNC:14484]</t>
  </si>
  <si>
    <t>ENSG00000168806</t>
  </si>
  <si>
    <t>LCMT2</t>
  </si>
  <si>
    <t>leucine carboxyl methyltransferase 2 [Source:HGNC Symbol;Acc:HGNC:17558]</t>
  </si>
  <si>
    <t>ENSG00000213516</t>
  </si>
  <si>
    <t>RBMXL1</t>
  </si>
  <si>
    <t>RNA binding motif protein, X-linked like 1 [Source:HGNC Symbol;Acc:HGNC:25073]</t>
  </si>
  <si>
    <t>ENSG00000124228</t>
  </si>
  <si>
    <t>DDX27</t>
  </si>
  <si>
    <t>DEAD-box helicase 27 [Source:HGNC Symbol;Acc:HGNC:15837]</t>
  </si>
  <si>
    <t>ENSG00000137815</t>
  </si>
  <si>
    <t>RTF1</t>
  </si>
  <si>
    <t>RTF1 homolog, Paf1/RNA polymerase II complex component [Source:HGNC Symbol;Acc:HGNC:28996]</t>
  </si>
  <si>
    <t>ENSG00000164252</t>
  </si>
  <si>
    <t>AGGF1</t>
  </si>
  <si>
    <t>angiogenic factor with G-patch and FHA domains 1 [Source:HGNC Symbol;Acc:HGNC:24684]</t>
  </si>
  <si>
    <t>ENSG00000082153</t>
  </si>
  <si>
    <t>BZW1</t>
  </si>
  <si>
    <t>basic leucine zipper and W2 domains 1 [Source:HGNC Symbol;Acc:HGNC:18380]</t>
  </si>
  <si>
    <t>ENSG00000114942</t>
  </si>
  <si>
    <t>EEF1B2</t>
  </si>
  <si>
    <t>eukaryotic translation elongation factor 1 beta 2 [Source:HGNC Symbol;Acc:HGNC:3208]</t>
  </si>
  <si>
    <t>ENSG00000143889</t>
  </si>
  <si>
    <t>HNRNPLL</t>
  </si>
  <si>
    <t>heterogeneous nuclear ribonucleoprotein L like [Source:HGNC Symbol;Acc:HGNC:25127]</t>
  </si>
  <si>
    <t>ENSG00000144580</t>
  </si>
  <si>
    <t>CNOT9</t>
  </si>
  <si>
    <t>CCR4-NOT transcription complex subunit 9 [Source:HGNC Symbol;Acc:HGNC:10445]</t>
  </si>
  <si>
    <t>ENSG00000116898</t>
  </si>
  <si>
    <t>MRPS15</t>
  </si>
  <si>
    <t>mitochondrial ribosomal protein S15 [Source:HGNC Symbol;Acc:HGNC:14504]</t>
  </si>
  <si>
    <t>ENSG00000158406</t>
  </si>
  <si>
    <t>HIST1H4H</t>
  </si>
  <si>
    <t>histone cluster 1, H4h [Source:HGNC Symbol;Acc:HGNC:4788]</t>
  </si>
  <si>
    <t>ENSG00000104408</t>
  </si>
  <si>
    <t>EIF3E</t>
  </si>
  <si>
    <t>eukaryotic translation initiation factor 3 subunit E [Source:HGNC Symbol;Acc:HGNC:3277]</t>
  </si>
  <si>
    <t>ENSG00000106591</t>
  </si>
  <si>
    <t>MRPL32</t>
  </si>
  <si>
    <t>mitochondrial ribosomal protein L32 [Source:HGNC Symbol;Acc:HGNC:14035]</t>
  </si>
  <si>
    <t>ENSG00000138768</t>
  </si>
  <si>
    <t>USO1</t>
  </si>
  <si>
    <t>USO1 vesicle transport factor [Source:HGNC Symbol;Acc:HGNC:30904]</t>
  </si>
  <si>
    <t>ENSG00000164347</t>
  </si>
  <si>
    <t>GFM2</t>
  </si>
  <si>
    <t>G elongation factor mitochondrial 2 [Source:HGNC Symbol;Acc:HGNC:29682]</t>
  </si>
  <si>
    <t>ENSG00000065978</t>
  </si>
  <si>
    <t>YBX1</t>
  </si>
  <si>
    <t>Y-box binding protein 1 [Source:HGNC Symbol;Acc:HGNC:8014]</t>
  </si>
  <si>
    <t>ENSG00000188177</t>
  </si>
  <si>
    <t>ZC3H6</t>
  </si>
  <si>
    <t>zinc finger CCCH-type containing 6 [Source:HGNC Symbol;Acc:HGNC:24762]</t>
  </si>
  <si>
    <t>ENSG00000001497</t>
  </si>
  <si>
    <t>LAS1L</t>
  </si>
  <si>
    <t>LAS1 like, ribosome biogenesis factor [Source:HGNC Symbol;Acc:HGNC:25726]</t>
  </si>
  <si>
    <t>ENSG00000178896</t>
  </si>
  <si>
    <t>54512 102465510</t>
  </si>
  <si>
    <t>EXOSC4</t>
  </si>
  <si>
    <t>exosome component 4 [Source:HGNC Symbol;Acc:HGNC:18189]</t>
  </si>
  <si>
    <t>ENSG00000135763</t>
  </si>
  <si>
    <t>URB2</t>
  </si>
  <si>
    <t>URB2 ribosome biogenesis 2 homolog (S. cerevisiae) [Source:HGNC Symbol;Acc:HGNC:28967]</t>
  </si>
  <si>
    <t>ENSG00000103194</t>
  </si>
  <si>
    <t>USP10</t>
  </si>
  <si>
    <t>ubiquitin specific peptidase 10 [Source:HGNC Symbol;Acc:HGNC:12608]</t>
  </si>
  <si>
    <t>ENSG00000196943</t>
  </si>
  <si>
    <t>NOP9</t>
  </si>
  <si>
    <t>NOP9 nucleolar protein [Source:HGNC Symbol;Acc:HGNC:19826]</t>
  </si>
  <si>
    <t>ENSG00000172262</t>
  </si>
  <si>
    <t>ZNF131</t>
  </si>
  <si>
    <t>zinc finger protein 131 [Source:HGNC Symbol;Acc:HGNC:12915]</t>
  </si>
  <si>
    <t>ENSG00000144048</t>
  </si>
  <si>
    <t>DUSP11</t>
  </si>
  <si>
    <t>dual specificity phosphatase 11 [Source:HGNC Symbol;Acc:HGNC:3066]</t>
  </si>
  <si>
    <t>ENSG00000107951</t>
  </si>
  <si>
    <t>55149 102466227</t>
  </si>
  <si>
    <t>MTPAP</t>
  </si>
  <si>
    <t>mitochondrial poly(A) polymerase [Source:HGNC Symbol;Acc:HGNC:25532]</t>
  </si>
  <si>
    <t>ENSG00000160194</t>
  </si>
  <si>
    <t>NDUFV3</t>
  </si>
  <si>
    <t>NADH:ubiquinone oxidoreductase subunit V3 [Source:HGNC Symbol;Acc:HGNC:7719]</t>
  </si>
  <si>
    <t>ENSG00000089220</t>
  </si>
  <si>
    <t>PEBP1</t>
  </si>
  <si>
    <t>phosphatidylethanolamine binding protein 1 [Source:HGNC Symbol;Acc:HGNC:8630]</t>
  </si>
  <si>
    <t>ENSG00000148688</t>
  </si>
  <si>
    <t>RPP30</t>
  </si>
  <si>
    <t>ribonuclease P/MRP subunit p30 [Source:HGNC Symbol;Acc:HGNC:17688]</t>
  </si>
  <si>
    <t>ENSG00000138385</t>
  </si>
  <si>
    <t>SSB</t>
  </si>
  <si>
    <t>Sjogren syndrome antigen B [Source:HGNC Symbol;Acc:HGNC:11316]</t>
  </si>
  <si>
    <t>ENSG00000146731</t>
  </si>
  <si>
    <t>CCT6A</t>
  </si>
  <si>
    <t>chaperonin containing TCP1 subunit 6A [Source:HGNC Symbol;Acc:HGNC:1620]</t>
  </si>
  <si>
    <t>ENSG00000146109</t>
  </si>
  <si>
    <t>ABT1</t>
  </si>
  <si>
    <t>activator of basal transcription 1 [Source:HGNC Symbol;Acc:HGNC:17369]</t>
  </si>
  <si>
    <t>ENSG00000132466</t>
  </si>
  <si>
    <t>ANKRD17</t>
  </si>
  <si>
    <t>ankyrin repeat domain 17 [Source:HGNC Symbol;Acc:HGNC:23575]</t>
  </si>
  <si>
    <t>ENSG00000133706</t>
  </si>
  <si>
    <t>LARS</t>
  </si>
  <si>
    <t>leucyl-tRNA synthetase [Source:HGNC Symbol;Acc:HGNC:6512]</t>
  </si>
  <si>
    <t>ENSG00000137656</t>
  </si>
  <si>
    <t>BUD13</t>
  </si>
  <si>
    <t>BUD13 homolog [Source:HGNC Symbol;Acc:HGNC:28199]</t>
  </si>
  <si>
    <t>ENSG00000133773</t>
  </si>
  <si>
    <t>CCDC59</t>
  </si>
  <si>
    <t>coiled-coil domain containing 59 [Source:HGNC Symbol;Acc:HGNC:25005]</t>
  </si>
  <si>
    <t>ENSG00000137996</t>
  </si>
  <si>
    <t>RTCA</t>
  </si>
  <si>
    <t>RNA 3'-terminal phosphate cyclase [Source:HGNC Symbol;Acc:HGNC:17981]</t>
  </si>
  <si>
    <t>ENSG00000134186</t>
  </si>
  <si>
    <t>PRPF38B</t>
  </si>
  <si>
    <t>pre-mRNA processing factor 38B [Source:HGNC Symbol;Acc:HGNC:25512]</t>
  </si>
  <si>
    <t>ENSG00000151576</t>
  </si>
  <si>
    <t>QTRT2</t>
  </si>
  <si>
    <t>queuine tRNA-ribosyltransferase accessory subunit 2 [Source:HGNC Symbol;Acc:HGNC:25771]</t>
  </si>
  <si>
    <t>ENSG00000177192</t>
  </si>
  <si>
    <t>PUS1</t>
  </si>
  <si>
    <t>pseudouridylate synthase 1 [Source:HGNC Symbol;Acc:HGNC:15508]</t>
  </si>
  <si>
    <t>ENSG00000111361</t>
  </si>
  <si>
    <t>EIF2B1</t>
  </si>
  <si>
    <t>eukaryotic translation initiation factor 2B subunit alpha [Source:HGNC Symbol;Acc:HGNC:3257]</t>
  </si>
  <si>
    <t>ENSG00000065548</t>
  </si>
  <si>
    <t>ZC3H15</t>
  </si>
  <si>
    <t>zinc finger CCCH-type containing 15 [Source:HGNC Symbol;Acc:HGNC:29528]</t>
  </si>
  <si>
    <t>ENSG00000090905</t>
  </si>
  <si>
    <t>TNRC6A</t>
  </si>
  <si>
    <t>trinucleotide repeat containing 6A [Source:HGNC Symbol;Acc:HGNC:11969]</t>
  </si>
  <si>
    <t>ENSG00000079246</t>
  </si>
  <si>
    <t>XRCC5</t>
  </si>
  <si>
    <t>X-ray repair cross complementing 5 [Source:HGNC Symbol;Acc:HGNC:12833]</t>
  </si>
  <si>
    <t>ENSG00000197498</t>
  </si>
  <si>
    <t>RPF2</t>
  </si>
  <si>
    <t>ribosome production factor 2 homolog [Source:HGNC Symbol;Acc:HGNC:20870]</t>
  </si>
  <si>
    <t>ENSG00000133704</t>
  </si>
  <si>
    <t>IPO8</t>
  </si>
  <si>
    <t>importin 8 [Source:HGNC Symbol;Acc:HGNC:9853]</t>
  </si>
  <si>
    <t>ENSG00000164134</t>
  </si>
  <si>
    <t>NAA15</t>
  </si>
  <si>
    <t>N(alpha)-acetyltransferase 15, NatA auxiliary subunit [Source:HGNC Symbol;Acc:HGNC:30782]</t>
  </si>
  <si>
    <t>ENSG00000163798</t>
  </si>
  <si>
    <t>SLC4A1AP</t>
  </si>
  <si>
    <t>solute carrier family 4 member 1 adaptor protein [Source:HGNC Symbol;Acc:HGNC:13813]</t>
  </si>
  <si>
    <t>ENSG00000119446</t>
  </si>
  <si>
    <t>RBM18</t>
  </si>
  <si>
    <t>RNA binding motif protein 18 [Source:HGNC Symbol;Acc:HGNC:28413]</t>
  </si>
  <si>
    <t>ENSG00000241058</t>
  </si>
  <si>
    <t>NSUN6</t>
  </si>
  <si>
    <t>NOP2/Sun RNA methyltransferase family member 6 [Source:HGNC Symbol;Acc:HGNC:23529]</t>
  </si>
  <si>
    <t>ENSG00000108651</t>
  </si>
  <si>
    <t>UTP6</t>
  </si>
  <si>
    <t>UTP6, small subunit processome component [Source:HGNC Symbol;Acc:HGNC:18279]</t>
  </si>
  <si>
    <t>ENSG00000171103</t>
  </si>
  <si>
    <t>TRMT61B</t>
  </si>
  <si>
    <t>tRNA methyltransferase 61B [Source:HGNC Symbol;Acc:HGNC:26070]</t>
  </si>
  <si>
    <t>ENSG00000063177</t>
  </si>
  <si>
    <t>RPL18</t>
  </si>
  <si>
    <t>ribosomal protein L18 [Source:HGNC Symbol;Acc:HGNC:10310]</t>
  </si>
  <si>
    <t>ENSG00000134419</t>
  </si>
  <si>
    <t>RPS15A</t>
  </si>
  <si>
    <t>ribosomal protein S15a [Source:HGNC Symbol;Acc:HGNC:10389]</t>
  </si>
  <si>
    <t>ENSG00000223496</t>
  </si>
  <si>
    <t>EXOSC6</t>
  </si>
  <si>
    <t>exosome component 6 [Source:HGNC Symbol;Acc:HGNC:19055]</t>
  </si>
  <si>
    <t>ENSG00000172053</t>
  </si>
  <si>
    <t>5859 102465536</t>
  </si>
  <si>
    <t>QARS</t>
  </si>
  <si>
    <t>glutaminyl-tRNA synthetase [Source:HGNC Symbol;Acc:HGNC:9751]</t>
  </si>
  <si>
    <t>ENSG00000152795</t>
  </si>
  <si>
    <t>HNRNPDL</t>
  </si>
  <si>
    <t>heterogeneous nuclear ribonucleoprotein D like [Source:HGNC Symbol;Acc:HGNC:5037]</t>
  </si>
  <si>
    <t>ENSG00000205542</t>
  </si>
  <si>
    <t>TMSB4X</t>
  </si>
  <si>
    <t>thymosin beta 4, X-linked [Source:HGNC Symbol;Acc:HGNC:11881]</t>
  </si>
  <si>
    <t>ENSG00000183207</t>
  </si>
  <si>
    <t>RUVBL2</t>
  </si>
  <si>
    <t>RuvB like AAA ATPase 2 [Source:HGNC Symbol;Acc:HGNC:10475]</t>
  </si>
  <si>
    <t>ENSG00000125485</t>
  </si>
  <si>
    <t>DDX31</t>
  </si>
  <si>
    <t>DEAD-box helicase 31 [Source:HGNC Symbol;Acc:HGNC:16715]</t>
  </si>
  <si>
    <t>ENSG00000184357</t>
  </si>
  <si>
    <t>HIST1H1B</t>
  </si>
  <si>
    <t>histone cluster 1, H1b [Source:HGNC Symbol;Acc:HGNC:4719]</t>
  </si>
  <si>
    <t>ENSG00000113407</t>
  </si>
  <si>
    <t>TARS</t>
  </si>
  <si>
    <t>threonyl-tRNA synthetase [Source:HGNC Symbol;Acc:HGNC:11572]</t>
  </si>
  <si>
    <t>ENSG00000197111</t>
  </si>
  <si>
    <t>PCBP2</t>
  </si>
  <si>
    <t>poly(rC) binding protein 2 [Source:HGNC Symbol;Acc:HGNC:8648]</t>
  </si>
  <si>
    <t>ENSG00000143624</t>
  </si>
  <si>
    <t>INTS3</t>
  </si>
  <si>
    <t>integrator complex subunit 3 [Source:HGNC Symbol;Acc:HGNC:26153]</t>
  </si>
  <si>
    <t>ENSG00000134077</t>
  </si>
  <si>
    <t>THUMPD3</t>
  </si>
  <si>
    <t>THUMP domain containing 3 [Source:HGNC Symbol;Acc:HGNC:24493]</t>
  </si>
  <si>
    <t>ENSG00000174740</t>
  </si>
  <si>
    <t>PABPC5</t>
  </si>
  <si>
    <t>poly(A) binding protein cytoplasmic 5 [Source:HGNC Symbol;Acc:HGNC:13629]</t>
  </si>
  <si>
    <t>ENSG00000137804</t>
  </si>
  <si>
    <t>NUSAP1</t>
  </si>
  <si>
    <t>nucleolar and spindle associated protein 1 [Source:HGNC Symbol;Acc:HGNC:18538]</t>
  </si>
  <si>
    <t>ENSG00000134644</t>
  </si>
  <si>
    <t>PUM1</t>
  </si>
  <si>
    <t>pumilio RNA binding family member 1 [Source:HGNC Symbol;Acc:HGNC:14957]</t>
  </si>
  <si>
    <t>ENSG00000076650</t>
  </si>
  <si>
    <t>GPATCH1</t>
  </si>
  <si>
    <t>G-patch domain containing 1 [Source:HGNC Symbol;Acc:HGNC:24658]</t>
  </si>
  <si>
    <t>ENSG00000181610</t>
  </si>
  <si>
    <t>MRPS23</t>
  </si>
  <si>
    <t>mitochondrial ribosomal protein S23 [Source:HGNC Symbol;Acc:HGNC:14509]</t>
  </si>
  <si>
    <t>ENSG00000158042</t>
  </si>
  <si>
    <t>MRPL17</t>
  </si>
  <si>
    <t>mitochondrial ribosomal protein L17 [Source:HGNC Symbol;Acc:HGNC:14053]</t>
  </si>
  <si>
    <t>ENSG00000059588</t>
  </si>
  <si>
    <t>TARBP1</t>
  </si>
  <si>
    <t>TAR (HIV-1) RNA binding protein 1 [Source:HGNC Symbol;Acc:HGNC:11568]</t>
  </si>
  <si>
    <t>ENSG00000134001</t>
  </si>
  <si>
    <t>EIF2S1</t>
  </si>
  <si>
    <t>eukaryotic translation initiation factor 2 subunit alpha [Source:HGNC Symbol;Acc:HGNC:3265]</t>
  </si>
  <si>
    <t>ENSG00000086589</t>
  </si>
  <si>
    <t>RBM22</t>
  </si>
  <si>
    <t>RNA binding motif protein 22 [Source:HGNC Symbol;Acc:HGNC:25503]</t>
  </si>
  <si>
    <t>ENSG00000178952</t>
  </si>
  <si>
    <t>7284 100616256</t>
  </si>
  <si>
    <t>TUFM</t>
  </si>
  <si>
    <t>Tu translation elongation factor, mitochondrial [Source:HGNC Symbol;Acc:HGNC:12420]</t>
  </si>
  <si>
    <t>ENSG00000169371</t>
  </si>
  <si>
    <t>SNUPN</t>
  </si>
  <si>
    <t>snurportin 1 [Source:HGNC Symbol;Acc:HGNC:14245]</t>
  </si>
  <si>
    <t>ENSG00000254093</t>
  </si>
  <si>
    <t>PINX1</t>
  </si>
  <si>
    <t>PIN2/TERF1 interacting, telomerase inhibitor 1 [Source:HGNC Symbol;Acc:HGNC:30046]</t>
  </si>
  <si>
    <t>ENSG00000166166</t>
  </si>
  <si>
    <t>TRMT61A</t>
  </si>
  <si>
    <t>tRNA methyltransferase 61A [Source:HGNC Symbol;Acc:HGNC:23790]</t>
  </si>
  <si>
    <t>ENSG00000125676</t>
  </si>
  <si>
    <t>THOC2</t>
  </si>
  <si>
    <t>THO complex 2 [Source:HGNC Symbol;Acc:HGNC:19073]</t>
  </si>
  <si>
    <t>ENSG00000075975</t>
  </si>
  <si>
    <t>MKRN2</t>
  </si>
  <si>
    <t>makorin ring finger protein 2 [Source:HGNC Symbol;Acc:HGNC:7113]</t>
  </si>
  <si>
    <t>ENSG00000170144</t>
  </si>
  <si>
    <t>220988 100616394</t>
  </si>
  <si>
    <t>HNRNPA3</t>
  </si>
  <si>
    <t>heterogeneous nuclear ribonucleoprotein A3 [Source:HGNC Symbol;Acc:HGNC:24941]</t>
  </si>
  <si>
    <t>ENSG00000113300</t>
  </si>
  <si>
    <t>CNOT6</t>
  </si>
  <si>
    <t>CCR4-NOT transcription complex subunit 6 [Source:HGNC Symbol;Acc:HGNC:14099]</t>
  </si>
  <si>
    <t>ENSG00000174243</t>
  </si>
  <si>
    <t>DDX23</t>
  </si>
  <si>
    <t>DEAD-box helicase 23 [Source:HGNC Symbol;Acc:HGNC:17347]</t>
  </si>
  <si>
    <t>ENSG00000132153</t>
  </si>
  <si>
    <t>DHX30</t>
  </si>
  <si>
    <t>DEAH-box helicase 30 [Source:HGNC Symbol;Acc:HGNC:16716]</t>
  </si>
  <si>
    <t>ENSG00000168872</t>
  </si>
  <si>
    <t>DDX19A</t>
  </si>
  <si>
    <t>DEAD-box helicase 19A [Source:HGNC Symbol;Acc:HGNC:25628]</t>
  </si>
  <si>
    <t>ENSG00000139767</t>
  </si>
  <si>
    <t>SRRM4</t>
  </si>
  <si>
    <t>serine/arginine repetitive matrix 4 [Source:HGNC Symbol;Acc:HGNC:29389]</t>
  </si>
  <si>
    <t>ENSG00000120333</t>
  </si>
  <si>
    <t>MRPS14</t>
  </si>
  <si>
    <t>mitochondrial ribosomal protein S14 [Source:HGNC Symbol;Acc:HGNC:14049]</t>
  </si>
  <si>
    <t>ENSG00000130826</t>
  </si>
  <si>
    <t>1736 100847052</t>
  </si>
  <si>
    <t>DKC1</t>
  </si>
  <si>
    <t>dyskerin pseudouridine synthase 1 [Source:HGNC Symbol;Acc:HGNC:2890]</t>
  </si>
  <si>
    <t>ENSG00000160193</t>
  </si>
  <si>
    <t>WDR4</t>
  </si>
  <si>
    <t>WD repeat domain 4 [Source:HGNC Symbol;Acc:HGNC:12756]</t>
  </si>
  <si>
    <t>ENSG00000100902</t>
  </si>
  <si>
    <t>PSMA6</t>
  </si>
  <si>
    <t>proteasome subunit alpha 6 [Source:HGNC Symbol;Acc:HGNC:9535]</t>
  </si>
  <si>
    <t>ENSG00000114416</t>
  </si>
  <si>
    <t>FXR1</t>
  </si>
  <si>
    <t>FMR1 autosomal homolog 1 [Source:HGNC Symbol;Acc:HGNC:4023]</t>
  </si>
  <si>
    <t>ENSG00000158435</t>
  </si>
  <si>
    <t>CNOT11</t>
  </si>
  <si>
    <t>CCR4-NOT transcription complex subunit 11 [Source:HGNC Symbol;Acc:HGNC:25217]</t>
  </si>
  <si>
    <t>ENSG00000104529</t>
  </si>
  <si>
    <t>EEF1D</t>
  </si>
  <si>
    <t>eukaryotic translation elongation factor 1 delta [Source:HGNC Symbol;Acc:HGNC:3211]</t>
  </si>
  <si>
    <t>ENSG00000068438</t>
  </si>
  <si>
    <t>FTSJ1</t>
  </si>
  <si>
    <t>FtsJ RNA methyltransferase homolog 1 (E. coli) [Source:HGNC Symbol;Acc:HGNC:13254]</t>
  </si>
  <si>
    <t>ENSG00000185272</t>
  </si>
  <si>
    <t>RBM11</t>
  </si>
  <si>
    <t>RNA binding motif protein 11 [Source:HGNC Symbol;Acc:HGNC:9897]</t>
  </si>
  <si>
    <t>ENSG00000125351</t>
  </si>
  <si>
    <t>UPF3B</t>
  </si>
  <si>
    <t>UPF3 regulator of nonsense transcripts homolog B (yeast) [Source:HGNC Symbol;Acc:HGNC:20439]</t>
  </si>
  <si>
    <t>ENSG00000174371</t>
  </si>
  <si>
    <t>EXO1</t>
  </si>
  <si>
    <t>exonuclease 1 [Source:HGNC Symbol;Acc:HGNC:3511]</t>
  </si>
  <si>
    <t>ENSG00000162396</t>
  </si>
  <si>
    <t>PARS2</t>
  </si>
  <si>
    <t>prolyl-tRNA synthetase 2, mitochondrial (putative) [Source:HGNC Symbol;Acc:HGNC:30563]</t>
  </si>
  <si>
    <t>ENSG00000101391</t>
  </si>
  <si>
    <t>CDK5RAP1</t>
  </si>
  <si>
    <t>CDK5 regulatory subunit associated protein 1 [Source:HGNC Symbol;Acc:HGNC:15880]</t>
  </si>
  <si>
    <t>ENSG00000101654</t>
  </si>
  <si>
    <t>RNMT</t>
  </si>
  <si>
    <t>RNA guanine-7 methyltransferase [Source:HGNC Symbol;Acc:HGNC:10075]</t>
  </si>
  <si>
    <t>ENSG00000157349</t>
  </si>
  <si>
    <t>DDX19B</t>
  </si>
  <si>
    <t>DEAD-box helicase 19B [Source:HGNC Symbol;Acc:HGNC:2742]</t>
  </si>
  <si>
    <t>ENSG00000145833</t>
  </si>
  <si>
    <t>DDX46</t>
  </si>
  <si>
    <t>DEAD-box helicase 46 [Source:HGNC Symbol;Acc:HGNC:18681]</t>
  </si>
  <si>
    <t>ENSG00000100664</t>
  </si>
  <si>
    <t>EIF5</t>
  </si>
  <si>
    <t>eukaryotic translation initiation factor 5 [Source:HGNC Symbol;Acc:HGNC:3299]</t>
  </si>
  <si>
    <t>ENSG00000205339</t>
  </si>
  <si>
    <t>IPO7</t>
  </si>
  <si>
    <t>importin 7 [Source:HGNC Symbol;Acc:HGNC:9852]</t>
  </si>
  <si>
    <t>ENSG00000164329</t>
  </si>
  <si>
    <t>PAPD4</t>
  </si>
  <si>
    <t>poly(A) RNA polymerase D4, non-canonical [Source:HGNC Symbol;Acc:HGNC:26776]</t>
  </si>
  <si>
    <t>ENSG00000153187</t>
  </si>
  <si>
    <t>HNRNPU</t>
  </si>
  <si>
    <t>heterogeneous nuclear ribonucleoprotein U [Source:HGNC Symbol;Acc:HGNC:5048]</t>
  </si>
  <si>
    <t>ENSG00000135698</t>
  </si>
  <si>
    <t>MPHOSPH6</t>
  </si>
  <si>
    <t>M-phase phosphoprotein 6 [Source:HGNC Symbol;Acc:HGNC:7214]</t>
  </si>
  <si>
    <t>ENSG00000108883</t>
  </si>
  <si>
    <t>EFTUD2</t>
  </si>
  <si>
    <t>elongation factor Tu GTP binding domain containing 2 [Source:HGNC Symbol;Acc:HGNC:30858]</t>
  </si>
  <si>
    <t>ENSG00000055483</t>
  </si>
  <si>
    <t>USP36</t>
  </si>
  <si>
    <t>ubiquitin specific peptidase 36 [Source:HGNC Symbol;Acc:HGNC:20062]</t>
  </si>
  <si>
    <t>ENSG00000144713</t>
  </si>
  <si>
    <t>RPL32</t>
  </si>
  <si>
    <t>ribosomal protein L32 [Source:HGNC Symbol;Acc:HGNC:10336]</t>
  </si>
  <si>
    <t>ENSG00000107937</t>
  </si>
  <si>
    <t>GTPBP4</t>
  </si>
  <si>
    <t>GTP binding protein 4 [Source:HGNC Symbol;Acc:HGNC:21535]</t>
  </si>
  <si>
    <t>ENSG00000088930</t>
  </si>
  <si>
    <t>XRN2</t>
  </si>
  <si>
    <t>5'-3' exoribonuclease 2 [Source:HGNC Symbol;Acc:HGNC:12836]</t>
  </si>
  <si>
    <t>ENSG00000142937</t>
  </si>
  <si>
    <t>RPS8</t>
  </si>
  <si>
    <t>ribosomal protein S8 [Source:HGNC Symbol;Acc:HGNC:10441]</t>
  </si>
  <si>
    <t>ENSG00000153037</t>
  </si>
  <si>
    <t>SRP19</t>
  </si>
  <si>
    <t>signal recognition particle 19 [Source:HGNC Symbol;Acc:HGNC:11300]</t>
  </si>
  <si>
    <t>ENSG00000100023</t>
  </si>
  <si>
    <t>PPIL2</t>
  </si>
  <si>
    <t>peptidylprolyl isomerase like 2 [Source:HGNC Symbol;Acc:HGNC:9261]</t>
  </si>
  <si>
    <t>ENSG00000130312</t>
  </si>
  <si>
    <t>MRPL34</t>
  </si>
  <si>
    <t>mitochondrial ribosomal protein L34 [Source:HGNC Symbol;Acc:HGNC:14488]</t>
  </si>
  <si>
    <t>ENSG00000178149</t>
  </si>
  <si>
    <t>DALRD3</t>
  </si>
  <si>
    <t>DALR anticodon binding domain containing 3 [Source:HGNC Symbol;Acc:HGNC:25536]</t>
  </si>
  <si>
    <t>ENSG00000135297</t>
  </si>
  <si>
    <t>MTO1</t>
  </si>
  <si>
    <t>mitochondrial tRNA translation optimization 1 [Source:HGNC Symbol;Acc:HGNC:19261]</t>
  </si>
  <si>
    <t>ENSG00000173818</t>
  </si>
  <si>
    <t>ENDOV</t>
  </si>
  <si>
    <t>endonuclease V [Source:HGNC Symbol;Acc:HGNC:26640]</t>
  </si>
  <si>
    <t>ENSG00000151923</t>
  </si>
  <si>
    <t>TIAL1</t>
  </si>
  <si>
    <t>TIA1 cytotoxic granule-associated RNA binding protein-like 1 [Source:HGNC Symbol;Acc:HGNC:11804]</t>
  </si>
  <si>
    <t>ENSG00000182810</t>
  </si>
  <si>
    <t>DDX28</t>
  </si>
  <si>
    <t>DEAD-box helicase 28 [Source:HGNC Symbol;Acc:HGNC:17330]</t>
  </si>
  <si>
    <t>ENSG00000182180</t>
  </si>
  <si>
    <t>MRPS16</t>
  </si>
  <si>
    <t>mitochondrial ribosomal protein S16 [Source:HGNC Symbol;Acc:HGNC:14048]</t>
  </si>
  <si>
    <t>ENSG00000136875</t>
  </si>
  <si>
    <t>PRPF4</t>
  </si>
  <si>
    <t>pre-mRNA processing factor 4 [Source:HGNC Symbol;Acc:HGNC:17349]</t>
  </si>
  <si>
    <t>ENSG00000166831</t>
  </si>
  <si>
    <t>RBPMS2</t>
  </si>
  <si>
    <t>RNA binding protein with multiple splicing 2 [Source:HGNC Symbol;Acc:HGNC:19098]</t>
  </si>
  <si>
    <t>ENSG00000126749</t>
  </si>
  <si>
    <t>EMG1</t>
  </si>
  <si>
    <t>EMG1, N1-specific pseudouridine methyltransferase [Source:HGNC Symbol;Acc:HGNC:16912]</t>
  </si>
  <si>
    <t>ENSG00000125977</t>
  </si>
  <si>
    <t>EIF2S2</t>
  </si>
  <si>
    <t>eukaryotic translation initiation factor 2 subunit beta [Source:HGNC Symbol;Acc:HGNC:3266]</t>
  </si>
  <si>
    <t>ENSG00000198042</t>
  </si>
  <si>
    <t>MAK16</t>
  </si>
  <si>
    <t>MAK16 homolog [Source:HGNC Symbol;Acc:HGNC:13703]</t>
  </si>
  <si>
    <t>ENSG00000172809</t>
  </si>
  <si>
    <t>RPL38</t>
  </si>
  <si>
    <t>ribosomal protein L38 [Source:HGNC Symbol;Acc:HGNC:10349]</t>
  </si>
  <si>
    <t>ENSG00000239672</t>
  </si>
  <si>
    <t>NME1</t>
  </si>
  <si>
    <t>NME/NM23 nucleoside diphosphate kinase 1 [Source:HGNC Symbol;Acc:HGNC:7849]</t>
  </si>
  <si>
    <t>ENSG00000103319</t>
  </si>
  <si>
    <t>29904 101930123</t>
  </si>
  <si>
    <t>EEF2K</t>
  </si>
  <si>
    <t>eukaryotic elongation factor 2 kinase [Source:HGNC Symbol;Acc:HGNC:24615]</t>
  </si>
  <si>
    <t>ENSG00000100220</t>
  </si>
  <si>
    <t>RTCB</t>
  </si>
  <si>
    <t>RNA 2',3'-cyclic phosphate and 5'-OH ligase [Source:HGNC Symbol;Acc:HGNC:26935]</t>
  </si>
  <si>
    <t>ENSG00000163938</t>
  </si>
  <si>
    <t>GNL3</t>
  </si>
  <si>
    <t>G protein nucleolar 3 [Source:HGNC Symbol;Acc:HGNC:29931]</t>
  </si>
  <si>
    <t>ENSG00000172071</t>
  </si>
  <si>
    <t>EIF2AK3</t>
  </si>
  <si>
    <t>eukaryotic translation initiation factor 2 alpha kinase 3 [Source:HGNC Symbol;Acc:HGNC:3255]</t>
  </si>
  <si>
    <t>ENSG00000108588</t>
  </si>
  <si>
    <t>CCDC47</t>
  </si>
  <si>
    <t>coiled-coil domain containing 47 [Source:HGNC Symbol;Acc:HGNC:24856]</t>
  </si>
  <si>
    <t>ENSG00000089597</t>
  </si>
  <si>
    <t>GANAB</t>
  </si>
  <si>
    <t>glucosidase II alpha subunit [Source:HGNC Symbol;Acc:HGNC:4138]</t>
  </si>
  <si>
    <t>ENSG00000165733</t>
  </si>
  <si>
    <t>BMS1</t>
  </si>
  <si>
    <t>BMS1, ribosome biogenesis factor [Source:HGNC Symbol;Acc:HGNC:23505]</t>
  </si>
  <si>
    <t>ENSG00000130402</t>
  </si>
  <si>
    <t>ACTN4</t>
  </si>
  <si>
    <t>actinin alpha 4 [Source:HGNC Symbol;Acc:HGNC:166]</t>
  </si>
  <si>
    <t>ENSG00000131773</t>
  </si>
  <si>
    <t>KHDRBS3</t>
  </si>
  <si>
    <t>KH RNA binding domain containing, signal transduction associated 3 [Source:HGNC Symbol;Acc:HGNC:18117]</t>
  </si>
  <si>
    <t>ENSG00000185651</t>
  </si>
  <si>
    <t>UBE2L3</t>
  </si>
  <si>
    <t>ubiquitin conjugating enzyme E2 L3 [Source:HGNC Symbol;Acc:HGNC:12488]</t>
  </si>
  <si>
    <t>ENSG00000160917</t>
  </si>
  <si>
    <t>CPSF4</t>
  </si>
  <si>
    <t>cleavage and polyadenylation specific factor 4 [Source:HGNC Symbol;Acc:HGNC:2327]</t>
  </si>
  <si>
    <t>ENSG00000185728</t>
  </si>
  <si>
    <t>YTHDF3</t>
  </si>
  <si>
    <t>YTH N6-methyladenosine RNA binding protein 3 [Source:HGNC Symbol;Acc:HGNC:26465]</t>
  </si>
  <si>
    <t>ENSG00000171566</t>
  </si>
  <si>
    <t>PLRG1</t>
  </si>
  <si>
    <t>pleiotropic regulator 1 [Source:HGNC Symbol;Acc:HGNC:9089]</t>
  </si>
  <si>
    <t>ENSG00000138785</t>
  </si>
  <si>
    <t>INTS12</t>
  </si>
  <si>
    <t>integrator complex subunit 12 [Source:HGNC Symbol;Acc:HGNC:25067]</t>
  </si>
  <si>
    <t>ENSG00000185650</t>
  </si>
  <si>
    <t>ZFP36L1</t>
  </si>
  <si>
    <t>ZFP36 ring finger protein like 1 [Source:HGNC Symbol;Acc:HGNC:1107]</t>
  </si>
  <si>
    <t>ENSG00000143374</t>
  </si>
  <si>
    <t>80222 102465529</t>
  </si>
  <si>
    <t>TARS2</t>
  </si>
  <si>
    <t>threonyl-tRNA synthetase 2, mitochondrial (putative) [Source:HGNC Symbol;Acc:HGNC:30740]</t>
  </si>
  <si>
    <t>ENSG00000138095</t>
  </si>
  <si>
    <t>LRPPRC</t>
  </si>
  <si>
    <t>leucine rich pentatricopeptide repeat containing [Source:HGNC Symbol;Acc:HGNC:15714]</t>
  </si>
  <si>
    <t>ENSG00000138303</t>
  </si>
  <si>
    <t>ASCC1</t>
  </si>
  <si>
    <t>activating signal cointegrator 1 complex subunit 1 [Source:HGNC Symbol;Acc:HGNC:24268]</t>
  </si>
  <si>
    <t>ENSG00000124788</t>
  </si>
  <si>
    <t>ATXN1</t>
  </si>
  <si>
    <t>ataxin 1 [Source:HGNC Symbol;Acc:HGNC:10548]</t>
  </si>
  <si>
    <t>ENSG00000256453</t>
  </si>
  <si>
    <t>DND1</t>
  </si>
  <si>
    <t>DND microRNA-mediated repression inhibitor 1 [Source:HGNC Symbol;Acc:HGNC:23799]</t>
  </si>
  <si>
    <t>ENSG00000164967</t>
  </si>
  <si>
    <t>RPP25L</t>
  </si>
  <si>
    <t>ribonuclease P/MRP subunit p25 like [Source:HGNC Symbol;Acc:HGNC:19909]</t>
  </si>
  <si>
    <t>ENSG00000124614</t>
  </si>
  <si>
    <t>RPS10</t>
  </si>
  <si>
    <t>ribosomal protein S10 [Source:HGNC Symbol;Acc:HGNC:10383]</t>
  </si>
  <si>
    <t>ENSG00000165630</t>
  </si>
  <si>
    <t>PRPF18</t>
  </si>
  <si>
    <t>pre-mRNA processing factor 18 [Source:HGNC Symbol;Acc:HGNC:17351]</t>
  </si>
  <si>
    <t>ENSG00000060339</t>
  </si>
  <si>
    <t>CCAR1</t>
  </si>
  <si>
    <t>cell division cycle and apoptosis regulator 1 [Source:HGNC Symbol;Acc:HGNC:24236]</t>
  </si>
  <si>
    <t>ENSG00000110700</t>
  </si>
  <si>
    <t>RPS13</t>
  </si>
  <si>
    <t>ribosomal protein S13 [Source:HGNC Symbol;Acc:HGNC:10386]</t>
  </si>
  <si>
    <t>ENSG00000126602</t>
  </si>
  <si>
    <t>TRAP1</t>
  </si>
  <si>
    <t>TNF receptor associated protein 1 [Source:HGNC Symbol;Acc:HGNC:16264]</t>
  </si>
  <si>
    <t>ENSG00000144736</t>
  </si>
  <si>
    <t>SHQ1</t>
  </si>
  <si>
    <t>SHQ1, H/ACA ribonucleoprotein assembly factor [Source:HGNC Symbol;Acc:HGNC:25543]</t>
  </si>
  <si>
    <t>ENSG00000108953</t>
  </si>
  <si>
    <t>YWHAE</t>
  </si>
  <si>
    <t>tyrosine 3-monooxygenase/tryptophan 5-monooxygenase activation protein epsilon [Source:HGNC Symbol;Acc:HGNC:12851]</t>
  </si>
  <si>
    <t>ENSG00000100056</t>
  </si>
  <si>
    <t>DGCR14</t>
  </si>
  <si>
    <t>DiGeorge syndrome critical region gene 14 [Source:HGNC Symbol;Acc:HGNC:16817]</t>
  </si>
  <si>
    <t>ENSG00000108848</t>
  </si>
  <si>
    <t>LUC7L3</t>
  </si>
  <si>
    <t>LUC7 like 3 pre-mRNA splicing factor [Source:HGNC Symbol;Acc:HGNC:24309]</t>
  </si>
  <si>
    <t>ENSG00000164104</t>
  </si>
  <si>
    <t>HMGB2</t>
  </si>
  <si>
    <t>high mobility group box 2 [Source:HGNC Symbol;Acc:HGNC:5000]</t>
  </si>
  <si>
    <t>ENSG00000118181</t>
  </si>
  <si>
    <t>RPS25</t>
  </si>
  <si>
    <t>ribosomal protein S25 [Source:HGNC Symbol;Acc:HGNC:10413]</t>
  </si>
  <si>
    <t>ENSG00000146282</t>
  </si>
  <si>
    <t>RARS2</t>
  </si>
  <si>
    <t>arginyl-tRNA synthetase 2, mitochondrial [Source:HGNC Symbol;Acc:HGNC:21406]</t>
  </si>
  <si>
    <t>ENSG00000158163</t>
  </si>
  <si>
    <t>DZIP1L</t>
  </si>
  <si>
    <t>DAZ interacting zinc finger protein 1 like [Source:HGNC Symbol;Acc:HGNC:26551]</t>
  </si>
  <si>
    <t>ENSG00000108349</t>
  </si>
  <si>
    <t>22794 102466986</t>
  </si>
  <si>
    <t>CASC3</t>
  </si>
  <si>
    <t>cancer susceptibility candidate 3 [Source:HGNC Symbol;Acc:HGNC:17040]</t>
  </si>
  <si>
    <t>ENSG00000185129</t>
  </si>
  <si>
    <t>PURA</t>
  </si>
  <si>
    <t>purine rich element binding protein A [Source:HGNC Symbol;Acc:HGNC:9701]</t>
  </si>
  <si>
    <t>ENSG00000107833</t>
  </si>
  <si>
    <t>NPM3</t>
  </si>
  <si>
    <t>nucleophosmin/nucleoplasmin 3 [Source:HGNC Symbol;Acc:HGNC:7931]</t>
  </si>
  <si>
    <t>ENSG00000141378</t>
  </si>
  <si>
    <t>PTRH2</t>
  </si>
  <si>
    <t>peptidyl-tRNA hydrolase 2 [Source:HGNC Symbol;Acc:HGNC:24265]</t>
  </si>
  <si>
    <t>ENSG00000109536</t>
  </si>
  <si>
    <t>FRG1</t>
  </si>
  <si>
    <t>FSHD region gene 1 [Source:HGNC Symbol;Acc:HGNC:3954]</t>
  </si>
  <si>
    <t>ENSG00000140598</t>
  </si>
  <si>
    <t>EFL1</t>
  </si>
  <si>
    <t>elongation factor like GTPase 1 [Source:HGNC Symbol;Acc:HGNC:25789]</t>
  </si>
  <si>
    <t>ENSG00000155508</t>
  </si>
  <si>
    <t>CNOT8</t>
  </si>
  <si>
    <t>CCR4-NOT transcription complex subunit 8 [Source:HGNC Symbol;Acc:HGNC:9207]</t>
  </si>
  <si>
    <t>ENSG00000136819</t>
  </si>
  <si>
    <t>C9orf78</t>
  </si>
  <si>
    <t>chromosome 9 open reading frame 78 [Source:HGNC Symbol;Acc:HGNC:24932]</t>
  </si>
  <si>
    <t>ENSG00000124201</t>
  </si>
  <si>
    <t>ZNFX1</t>
  </si>
  <si>
    <t>zinc finger NFX1-type containing 1 [Source:HGNC Symbol;Acc:HGNC:29271]</t>
  </si>
  <si>
    <t>ENSG00000117360</t>
  </si>
  <si>
    <t>PRPF3</t>
  </si>
  <si>
    <t>pre-mRNA processing factor 3 [Source:HGNC Symbol;Acc:HGNC:17348]</t>
  </si>
  <si>
    <t>ENSG00000099942</t>
  </si>
  <si>
    <t>CRKL</t>
  </si>
  <si>
    <t>CRK like proto-oncogene, adaptor protein [Source:HGNC Symbol;Acc:HGNC:2363]</t>
  </si>
  <si>
    <t>ENSG00000105771</t>
  </si>
  <si>
    <t>SMG9</t>
  </si>
  <si>
    <t>SMG9, nonsense mediated mRNA decay factor [Source:HGNC Symbol;Acc:HGNC:25763]</t>
  </si>
  <si>
    <t>ENSG00000107581</t>
  </si>
  <si>
    <t>EIF3A</t>
  </si>
  <si>
    <t>eukaryotic translation initiation factor 3 subunit A [Source:HGNC Symbol;Acc:HGNC:3271]</t>
  </si>
  <si>
    <t>ENSG00000092199</t>
  </si>
  <si>
    <t>HNRNPC</t>
  </si>
  <si>
    <t>heterogeneous nuclear ribonucleoprotein C (C1/C2) [Source:HGNC Symbol;Acc:HGNC:5035]</t>
  </si>
  <si>
    <t>ENSG00000215251</t>
  </si>
  <si>
    <t>FASTKD5</t>
  </si>
  <si>
    <t>FAST kinase domains 5 [Source:HGNC Symbol;Acc:HGNC:25790]</t>
  </si>
  <si>
    <t>ENSG00000136381</t>
  </si>
  <si>
    <t>IREB2</t>
  </si>
  <si>
    <t>iron responsive element binding protein 2 [Source:HGNC Symbol;Acc:HGNC:6115]</t>
  </si>
  <si>
    <t>ENSG00000164587</t>
  </si>
  <si>
    <t>RPS14</t>
  </si>
  <si>
    <t>ribosomal protein S14 [Source:HGNC Symbol;Acc:HGNC:10387]</t>
  </si>
  <si>
    <t>ENSG00000198000</t>
  </si>
  <si>
    <t>NOL8</t>
  </si>
  <si>
    <t>nucleolar protein 8 [Source:HGNC Symbol;Acc:HGNC:23387]</t>
  </si>
  <si>
    <t>ENSG00000125107</t>
  </si>
  <si>
    <t>CNOT1</t>
  </si>
  <si>
    <t>CCR4-NOT transcription complex subunit 1 [Source:HGNC Symbol;Acc:HGNC:7877]</t>
  </si>
  <si>
    <t>ENSG00000127993</t>
  </si>
  <si>
    <t>RBM48</t>
  </si>
  <si>
    <t>RNA binding motif protein 48 [Source:HGNC Symbol;Acc:HGNC:21785]</t>
  </si>
  <si>
    <t>ENSG00000152778</t>
  </si>
  <si>
    <t>IFIT5</t>
  </si>
  <si>
    <t>interferon induced protein with tetratricopeptide repeats 5 [Source:HGNC Symbol;Acc:HGNC:13328]</t>
  </si>
  <si>
    <t>ENSG00000173821</t>
  </si>
  <si>
    <t>RNF213</t>
  </si>
  <si>
    <t>ring finger protein 213 [Source:HGNC Symbol;Acc:HGNC:14539]</t>
  </si>
  <si>
    <t>ENSG00000122299</t>
  </si>
  <si>
    <t>ZC3H7A</t>
  </si>
  <si>
    <t>zinc finger CCCH-type containing 7A [Source:HGNC Symbol;Acc:HGNC:30959]</t>
  </si>
  <si>
    <t>ENSG00000117133</t>
  </si>
  <si>
    <t>RPF1</t>
  </si>
  <si>
    <t>ribosome production factor 1 homolog [Source:HGNC Symbol;Acc:HGNC:30350]</t>
  </si>
  <si>
    <t>ENSG00000140395</t>
  </si>
  <si>
    <t>WDR61</t>
  </si>
  <si>
    <t>WD repeat domain 61 [Source:HGNC Symbol;Acc:HGNC:30300]</t>
  </si>
  <si>
    <t>ENSG00000152147</t>
  </si>
  <si>
    <t>GEMIN6</t>
  </si>
  <si>
    <t>gem nuclear organelle associated protein 6 [Source:HGNC Symbol;Acc:HGNC:20044]</t>
  </si>
  <si>
    <t>ENSG00000101161</t>
  </si>
  <si>
    <t>PRPF6</t>
  </si>
  <si>
    <t>pre-mRNA processing factor 6 [Source:HGNC Symbol;Acc:HGNC:15860]</t>
  </si>
  <si>
    <t>ENSG00000128191</t>
  </si>
  <si>
    <t>54487 100302197 100500860</t>
  </si>
  <si>
    <t>DGCR8</t>
  </si>
  <si>
    <t>DGCR8 microprocessor complex subunit [Source:HGNC Symbol;Acc:HGNC:2847]</t>
  </si>
  <si>
    <t>ENSG00000123737</t>
  </si>
  <si>
    <t>EXOSC9</t>
  </si>
  <si>
    <t>exosome component 9 [Source:HGNC Symbol;Acc:HGNC:9137]</t>
  </si>
  <si>
    <t>ENSG00000114767</t>
  </si>
  <si>
    <t>RRP9</t>
  </si>
  <si>
    <t>ribosomal RNA processing 9, small subunit (SSU) processome component, homolog (yeast) [Source:HGNC Symbol;Acc:HGNC:16829]</t>
  </si>
  <si>
    <t>ENSG00000150773</t>
  </si>
  <si>
    <t>PIH1D2</t>
  </si>
  <si>
    <t>PIH1 domain containing 2 [Source:HGNC Symbol;Acc:HGNC:25210]</t>
  </si>
  <si>
    <t>ENSG00000063046</t>
  </si>
  <si>
    <t>EIF4B</t>
  </si>
  <si>
    <t>eukaryotic translation initiation factor 4B [Source:HGNC Symbol;Acc:HGNC:3285]</t>
  </si>
  <si>
    <t>ENSG00000186468</t>
  </si>
  <si>
    <t>RPS23</t>
  </si>
  <si>
    <t>ribosomal protein S23 [Source:HGNC Symbol;Acc:HGNC:10410]</t>
  </si>
  <si>
    <t>ENSG00000149532</t>
  </si>
  <si>
    <t>CPSF7</t>
  </si>
  <si>
    <t>cleavage and polyadenylation specific factor 7 [Source:HGNC Symbol;Acc:HGNC:30098]</t>
  </si>
  <si>
    <t>ENSG00000144028</t>
  </si>
  <si>
    <t>SNRNP200</t>
  </si>
  <si>
    <t>small nuclear ribonucleoprotein U5 subunit 200 [Source:HGNC Symbol;Acc:HGNC:30859]</t>
  </si>
  <si>
    <t>ENSG00000151065</t>
  </si>
  <si>
    <t>DCP1B</t>
  </si>
  <si>
    <t>decapping mRNA 1B [Source:HGNC Symbol;Acc:HGNC:24451]</t>
  </si>
  <si>
    <t>ENSG00000011376</t>
  </si>
  <si>
    <t>LARS2</t>
  </si>
  <si>
    <t>leucyl-tRNA synthetase 2, mitochondrial [Source:HGNC Symbol;Acc:HGNC:17095]</t>
  </si>
  <si>
    <t>ENSG00000080802</t>
  </si>
  <si>
    <t>CNOT4</t>
  </si>
  <si>
    <t>CCR4-NOT transcription complex subunit 4 [Source:HGNC Symbol;Acc:HGNC:7880]</t>
  </si>
  <si>
    <t>ENSG00000175581</t>
  </si>
  <si>
    <t>MRPL48</t>
  </si>
  <si>
    <t>mitochondrial ribosomal protein L48 [Source:HGNC Symbol;Acc:HGNC:16653]</t>
  </si>
  <si>
    <t>ENSG00000111196</t>
  </si>
  <si>
    <t>MAGOHB</t>
  </si>
  <si>
    <t>mago homolog B, exon junction complex core component [Source:HGNC Symbol;Acc:HGNC:25504]</t>
  </si>
  <si>
    <t>ENSG00000114686</t>
  </si>
  <si>
    <t>MRPL3</t>
  </si>
  <si>
    <t>mitochondrial ribosomal protein L3 [Source:HGNC Symbol;Acc:HGNC:10379]</t>
  </si>
  <si>
    <t>ENSG00000113593</t>
  </si>
  <si>
    <t>PPWD1</t>
  </si>
  <si>
    <t>peptidylprolyl isomerase domain and WD repeat containing 1 [Source:HGNC Symbol;Acc:HGNC:28954]</t>
  </si>
  <si>
    <t>ENSG00000125352</t>
  </si>
  <si>
    <t>RNF113A</t>
  </si>
  <si>
    <t>ring finger protein 113A [Source:HGNC Symbol;Acc:HGNC:12974]</t>
  </si>
  <si>
    <t>ENSG00000165506</t>
  </si>
  <si>
    <t>DNAAF2</t>
  </si>
  <si>
    <t>dynein axonemal assembly factor 2 [Source:HGNC Symbol;Acc:HGNC:20188]</t>
  </si>
  <si>
    <t>ENSG00000167881</t>
  </si>
  <si>
    <t>SRP68</t>
  </si>
  <si>
    <t>signal recognition particle 68 [Source:HGNC Symbol;Acc:HGNC:11302]</t>
  </si>
  <si>
    <t>ENSG00000104852</t>
  </si>
  <si>
    <t>SNRNP70</t>
  </si>
  <si>
    <t>small nuclear ribonucleoprotein U1 subunit 70 [Source:HGNC Symbol;Acc:HGNC:11150]</t>
  </si>
  <si>
    <t>ENSG00000087269</t>
  </si>
  <si>
    <t>NOP14</t>
  </si>
  <si>
    <t>NOP14 nucleolar protein [Source:HGNC Symbol;Acc:HGNC:16821]</t>
  </si>
  <si>
    <t>ENSG00000087077</t>
  </si>
  <si>
    <t>7205 102466755</t>
  </si>
  <si>
    <t>TRIP6</t>
  </si>
  <si>
    <t>thyroid hormone receptor interactor 6 [Source:HGNC Symbol;Acc:HGNC:12311]</t>
  </si>
  <si>
    <t>ENSG00000120800</t>
  </si>
  <si>
    <t>UTP20</t>
  </si>
  <si>
    <t>UTP20, small subunit processome component [Source:HGNC Symbol;Acc:HGNC:17897]</t>
  </si>
  <si>
    <t>ENSG00000129351</t>
  </si>
  <si>
    <t>ILF3</t>
  </si>
  <si>
    <t>interleukin enhancer binding factor 3 [Source:HGNC Symbol;Acc:HGNC:6038]</t>
  </si>
  <si>
    <t>ENSG00000063244</t>
  </si>
  <si>
    <t>U2AF2</t>
  </si>
  <si>
    <t>U2 small nuclear RNA auxiliary factor 2 [Source:HGNC Symbol;Acc:HGNC:23156]</t>
  </si>
  <si>
    <t>ENSG00000156313</t>
  </si>
  <si>
    <t>RPGR</t>
  </si>
  <si>
    <t>retinitis pigmentosa GTPase regulator [Source:HGNC Symbol;Acc:HGNC:10295]</t>
  </si>
  <si>
    <t>ENSG00000076770</t>
  </si>
  <si>
    <t>MBNL3</t>
  </si>
  <si>
    <t>muscleblind like splicing regulator 3 [Source:HGNC Symbol;Acc:HGNC:20564]</t>
  </si>
  <si>
    <t>ENSG00000130985</t>
  </si>
  <si>
    <t>UBA1</t>
  </si>
  <si>
    <t>ubiquitin like modifier activating enzyme 1 [Source:HGNC Symbol;Acc:HGNC:12469]</t>
  </si>
  <si>
    <t>ENSG00000129084</t>
  </si>
  <si>
    <t>PSMA1</t>
  </si>
  <si>
    <t>proteasome subunit alpha 1 [Source:HGNC Symbol;Acc:HGNC:9530]</t>
  </si>
  <si>
    <t>ENSG00000198242</t>
  </si>
  <si>
    <t>RPL23A</t>
  </si>
  <si>
    <t>ribosomal protein L23a [Source:HGNC Symbol;Acc:HGNC:10317]</t>
  </si>
  <si>
    <t>ENSG00000137776</t>
  </si>
  <si>
    <t>SLTM</t>
  </si>
  <si>
    <t>SAFB like transcription modulator [Source:HGNC Symbol;Acc:HGNC:20709]</t>
  </si>
  <si>
    <t>ENSG00000093167</t>
  </si>
  <si>
    <t>LRRFIP2</t>
  </si>
  <si>
    <t>LRR binding FLII interacting protein 2 [Source:HGNC Symbol;Acc:HGNC:6703]</t>
  </si>
  <si>
    <t>ENSG00000087087</t>
  </si>
  <si>
    <t>SRRT</t>
  </si>
  <si>
    <t>serrate, RNA effector molecule [Source:HGNC Symbol;Acc:HGNC:24101]</t>
  </si>
  <si>
    <t>ENSG00000047315</t>
  </si>
  <si>
    <t>POLR2B</t>
  </si>
  <si>
    <t>RNA polymerase II subunit B [Source:HGNC Symbol;Acc:HGNC:9188]</t>
  </si>
  <si>
    <t>ENSG00000165819</t>
  </si>
  <si>
    <t>METTL3</t>
  </si>
  <si>
    <t>methyltransferase like 3 [Source:HGNC Symbol;Acc:HGNC:17563]</t>
  </si>
  <si>
    <t>ENSG00000132591</t>
  </si>
  <si>
    <t>ERAL1</t>
  </si>
  <si>
    <t>Era like 12S mitochondrial rRNA chaperone 1 [Source:HGNC Symbol;Acc:HGNC:3424]</t>
  </si>
  <si>
    <t>ENSG00000139218</t>
  </si>
  <si>
    <t>SCAF11</t>
  </si>
  <si>
    <t>SR-related CTD associated factor 11 [Source:HGNC Symbol;Acc:HGNC:10784]</t>
  </si>
  <si>
    <t>ENSG00000166794</t>
  </si>
  <si>
    <t>PPIB</t>
  </si>
  <si>
    <t>peptidylprolyl isomerase B [Source:HGNC Symbol;Acc:HGNC:9255]</t>
  </si>
  <si>
    <t>ENSG00000070814</t>
  </si>
  <si>
    <t>TCOF1</t>
  </si>
  <si>
    <t>treacle ribosome biogenesis factor 1 [Source:HGNC Symbol;Acc:HGNC:11654]</t>
  </si>
  <si>
    <t>ENSG00000074356</t>
  </si>
  <si>
    <t>NCBP3</t>
  </si>
  <si>
    <t>nuclear cap binding subunit 3 [Source:HGNC Symbol;Acc:HGNC:24612]</t>
  </si>
  <si>
    <t>ENSG00000115875</t>
  </si>
  <si>
    <t>SRSF7</t>
  </si>
  <si>
    <t>serine and arginine rich splicing factor 7 [Source:HGNC Symbol;Acc:HGNC:10789]</t>
  </si>
  <si>
    <t>ENSG00000147604</t>
  </si>
  <si>
    <t>RPL7</t>
  </si>
  <si>
    <t>ribosomal protein L7 [Source:HGNC Symbol;Acc:HGNC:10363]</t>
  </si>
  <si>
    <t>ENSG00000182004</t>
  </si>
  <si>
    <t>SNRPE</t>
  </si>
  <si>
    <t>small nuclear ribonucleoprotein polypeptide E [Source:HGNC Symbol;Acc:HGNC:11161]</t>
  </si>
  <si>
    <t>ENSG00000100028</t>
  </si>
  <si>
    <t>SNRPD3</t>
  </si>
  <si>
    <t>small nuclear ribonucleoprotein D3 polypeptide [Source:HGNC Symbol;Acc:HGNC:11160]</t>
  </si>
  <si>
    <t>ENSG00000155636</t>
  </si>
  <si>
    <t>RBM45</t>
  </si>
  <si>
    <t>RNA binding motif protein 45 [Source:HGNC Symbol;Acc:HGNC:24468]</t>
  </si>
  <si>
    <t>ENSG00000213523</t>
  </si>
  <si>
    <t>SRA1</t>
  </si>
  <si>
    <t>steroid receptor RNA activator 1 [Source:HGNC Symbol;Acc:HGNC:11281]</t>
  </si>
  <si>
    <t>ENSG00000038358</t>
  </si>
  <si>
    <t>EDC4</t>
  </si>
  <si>
    <t>enhancer of mRNA decapping 4 [Source:HGNC Symbol;Acc:HGNC:17157]</t>
  </si>
  <si>
    <t>ENSG00000088986</t>
  </si>
  <si>
    <t>DYNLL1</t>
  </si>
  <si>
    <t>dynein light chain LC8-type 1 [Source:HGNC Symbol;Acc:HGNC:15476]</t>
  </si>
  <si>
    <t>ENSG00000072364</t>
  </si>
  <si>
    <t>AFF4</t>
  </si>
  <si>
    <t>AF4/FMR2 family member 4 [Source:HGNC Symbol;Acc:HGNC:17869]</t>
  </si>
  <si>
    <t>ENSG00000130810</t>
  </si>
  <si>
    <t>PPAN</t>
  </si>
  <si>
    <t>peter pan homolog (Drosophila) [Source:HGNC Symbol;Acc:HGNC:9227]</t>
  </si>
  <si>
    <t>ENSG00000113360</t>
  </si>
  <si>
    <t>DROSHA</t>
  </si>
  <si>
    <t>drosha ribonuclease III [Source:HGNC Symbol;Acc:HGNC:17904]</t>
  </si>
  <si>
    <t>ENSG00000115816</t>
  </si>
  <si>
    <t>CEBPZ</t>
  </si>
  <si>
    <t>CCAAT/enhancer binding protein zeta [Source:HGNC Symbol;Acc:HGNC:24218]</t>
  </si>
  <si>
    <t>ENSG00000108256</t>
  </si>
  <si>
    <t>NUFIP2</t>
  </si>
  <si>
    <t>NUFIP2, FMR1 interacting protein 2 [Source:HGNC Symbol;Acc:HGNC:17634]</t>
  </si>
  <si>
    <t>ENSG00000214274</t>
  </si>
  <si>
    <t>ANG</t>
  </si>
  <si>
    <t>angiogenin [Source:HGNC Symbol;Acc:HGNC:483]</t>
  </si>
  <si>
    <t>ENSG00000196793</t>
  </si>
  <si>
    <t>ZNF239</t>
  </si>
  <si>
    <t>zinc finger protein 239 [Source:HGNC Symbol;Acc:HGNC:13031]</t>
  </si>
  <si>
    <t>ENSG00000101811</t>
  </si>
  <si>
    <t>CSTF2</t>
  </si>
  <si>
    <t>cleavage stimulation factor subunit 2 [Source:HGNC Symbol;Acc:HGNC:2484]</t>
  </si>
  <si>
    <t>ENSG00000148300</t>
  </si>
  <si>
    <t>REXO4</t>
  </si>
  <si>
    <t>REX4 homolog, 3'-5' exonuclease [Source:HGNC Symbol;Acc:HGNC:12820]</t>
  </si>
  <si>
    <t>ENSG00000134748</t>
  </si>
  <si>
    <t>PRPF38A</t>
  </si>
  <si>
    <t>pre-mRNA processing factor 38A [Source:HGNC Symbol;Acc:HGNC:25930]</t>
  </si>
  <si>
    <t>ENSG00000100296</t>
  </si>
  <si>
    <t>THOC5</t>
  </si>
  <si>
    <t>THO complex 5 [Source:HGNC Symbol;Acc:HGNC:19074]</t>
  </si>
  <si>
    <t>ENSG00000167005</t>
  </si>
  <si>
    <t>NUDT21</t>
  </si>
  <si>
    <t>nudix hydrolase 21 [Source:HGNC Symbol;Acc:HGNC:13870]</t>
  </si>
  <si>
    <t>ENSG00000149187</t>
  </si>
  <si>
    <t>CELF1</t>
  </si>
  <si>
    <t>CUGBP, Elav-like family member 1 [Source:HGNC Symbol;Acc:HGNC:2549]</t>
  </si>
  <si>
    <t>ENSG00000107625</t>
  </si>
  <si>
    <t>DDX50</t>
  </si>
  <si>
    <t>DEAD-box helicase 50 [Source:HGNC Symbol;Acc:HGNC:17906]</t>
  </si>
  <si>
    <t>ENSG00000175110</t>
  </si>
  <si>
    <t>MRPS22</t>
  </si>
  <si>
    <t>mitochondrial ribosomal protein S22 [Source:HGNC Symbol;Acc:HGNC:14508]</t>
  </si>
  <si>
    <t>ENSG00000136854</t>
  </si>
  <si>
    <t>STXBP1</t>
  </si>
  <si>
    <t>syntaxin binding protein 1 [Source:HGNC Symbol;Acc:HGNC:11444]</t>
  </si>
  <si>
    <t>ENSG00000171865</t>
  </si>
  <si>
    <t>RNASEH1</t>
  </si>
  <si>
    <t>ribonuclease H1 [Source:HGNC Symbol;Acc:HGNC:18466]</t>
  </si>
  <si>
    <t>ENSG00000105248</t>
  </si>
  <si>
    <t>CCDC94</t>
  </si>
  <si>
    <t>coiled-coil domain containing 94 [Source:HGNC Symbol;Acc:HGNC:25518]</t>
  </si>
  <si>
    <t>ENSG00000125457</t>
  </si>
  <si>
    <t>MIF4GD</t>
  </si>
  <si>
    <t>MIF4G domain containing [Source:HGNC Symbol;Acc:HGNC:24030]</t>
  </si>
  <si>
    <t>ENSG00000178252</t>
  </si>
  <si>
    <t>WDR6</t>
  </si>
  <si>
    <t>WD repeat domain 6 [Source:HGNC Symbol;Acc:HGNC:12758]</t>
  </si>
  <si>
    <t>ENSG00000212643</t>
  </si>
  <si>
    <t>ZRSR1</t>
  </si>
  <si>
    <t>zinc finger CCCH-type, RNA binding motif and serine/arginine rich 1 [Source:HGNC Symbol;Acc:HGNC:12456]</t>
  </si>
  <si>
    <t>ENSG00000158417</t>
  </si>
  <si>
    <t>EIF5B</t>
  </si>
  <si>
    <t>eukaryotic translation initiation factor 5B [Source:HGNC Symbol;Acc:HGNC:30793]</t>
  </si>
  <si>
    <t>ENSG00000140105</t>
  </si>
  <si>
    <t>WARS</t>
  </si>
  <si>
    <t>tryptophanyl-tRNA synthetase [Source:HGNC Symbol;Acc:HGNC:12729]</t>
  </si>
  <si>
    <t>ENSG00000141646</t>
  </si>
  <si>
    <t>SMAD4</t>
  </si>
  <si>
    <t>SMAD family member 4 [Source:HGNC Symbol;Acc:HGNC:6770]</t>
  </si>
  <si>
    <t>ENSG00000108406</t>
  </si>
  <si>
    <t>DHX40</t>
  </si>
  <si>
    <t>DEAH-box helicase 40 [Source:HGNC Symbol;Acc:HGNC:18018]</t>
  </si>
  <si>
    <t>ENSG00000161981</t>
  </si>
  <si>
    <t>SNRNP25</t>
  </si>
  <si>
    <t>small nuclear ribonucleoprotein U11/U12 subunit 25 [Source:HGNC Symbol;Acc:HGNC:14161]</t>
  </si>
  <si>
    <t>ENSG00000130244</t>
  </si>
  <si>
    <t>FAM98C</t>
  </si>
  <si>
    <t>family with sequence similarity 98 member C [Source:HGNC Symbol;Acc:HGNC:27119]</t>
  </si>
  <si>
    <t>ENSG00000144635</t>
  </si>
  <si>
    <t>DYNC1LI1</t>
  </si>
  <si>
    <t>dynein cytoplasmic 1 light intermediate chain 1 [Source:HGNC Symbol;Acc:HGNC:18745]</t>
  </si>
  <si>
    <t>ENSG00000048544</t>
  </si>
  <si>
    <t>MRPS10</t>
  </si>
  <si>
    <t>mitochondrial ribosomal protein S10 [Source:HGNC Symbol;Acc:HGNC:14502]</t>
  </si>
  <si>
    <t>ENSG00000146858</t>
  </si>
  <si>
    <t>ZC3HAV1L</t>
  </si>
  <si>
    <t>zinc finger CCCH-type containing, antiviral 1 like [Source:HGNC Symbol;Acc:HGNC:22423]</t>
  </si>
  <si>
    <t>ENSG00000166986</t>
  </si>
  <si>
    <t>4141 102465454</t>
  </si>
  <si>
    <t>MARS</t>
  </si>
  <si>
    <t>methionyl-tRNA synthetase [Source:HGNC Symbol;Acc:HGNC:6898]</t>
  </si>
  <si>
    <t>ENSG00000047849</t>
  </si>
  <si>
    <t>MAP4</t>
  </si>
  <si>
    <t>microtubule associated protein 4 [Source:HGNC Symbol;Acc:HGNC:6862]</t>
  </si>
  <si>
    <t>ENSG00000163682</t>
  </si>
  <si>
    <t>RPL9</t>
  </si>
  <si>
    <t>ribosomal protein L9 [Source:HGNC Symbol;Acc:HGNC:10369]</t>
  </si>
  <si>
    <t>ENSG00000132485</t>
  </si>
  <si>
    <t>ZRANB2</t>
  </si>
  <si>
    <t>zinc finger RANBP2-type containing 2 [Source:HGNC Symbol;Acc:HGNC:13058]</t>
  </si>
  <si>
    <t>ENSG00000160679</t>
  </si>
  <si>
    <t>CHTOP</t>
  </si>
  <si>
    <t>chromatin target of PRMT1 [Source:HGNC Symbol;Acc:HGNC:24511]</t>
  </si>
  <si>
    <t>ENSG00000091009</t>
  </si>
  <si>
    <t>RBM27</t>
  </si>
  <si>
    <t>RNA binding motif protein 27 [Source:HGNC Symbol;Acc:HGNC:29243]</t>
  </si>
  <si>
    <t>ENSG00000124562</t>
  </si>
  <si>
    <t>SNRPC</t>
  </si>
  <si>
    <t>small nuclear ribonucleoprotein polypeptide C [Source:HGNC Symbol;Acc:HGNC:11157]</t>
  </si>
  <si>
    <t>ENSG00000113048</t>
  </si>
  <si>
    <t>MRPS27</t>
  </si>
  <si>
    <t>mitochondrial ribosomal protein S27 [Source:HGNC Symbol;Acc:HGNC:14512]</t>
  </si>
  <si>
    <t>ENSG00000168488</t>
  </si>
  <si>
    <t>ATXN2L</t>
  </si>
  <si>
    <t>ataxin 2 like [Source:HGNC Symbol;Acc:HGNC:31326]</t>
  </si>
  <si>
    <t>ENSG00000106246</t>
  </si>
  <si>
    <t>PTCD1</t>
  </si>
  <si>
    <t>pentatricopeptide repeat domain 1 [Source:HGNC Symbol;Acc:HGNC:22198]</t>
  </si>
  <si>
    <t>ENSG00000125970</t>
  </si>
  <si>
    <t>RALY</t>
  </si>
  <si>
    <t>RALY heterogeneous nuclear ribonucleoprotein [Source:HGNC Symbol;Acc:HGNC:15921]</t>
  </si>
  <si>
    <t>ENSG00000130119</t>
  </si>
  <si>
    <t>GNL3L</t>
  </si>
  <si>
    <t>G protein nucleolar 3 like [Source:HGNC Symbol;Acc:HGNC:25553]</t>
  </si>
  <si>
    <t>ENSG00000163319</t>
  </si>
  <si>
    <t>MRPS18C</t>
  </si>
  <si>
    <t>mitochondrial ribosomal protein S18C [Source:HGNC Symbol;Acc:HGNC:16633]</t>
  </si>
  <si>
    <t>ENSG00000132467</t>
  </si>
  <si>
    <t>UTP3</t>
  </si>
  <si>
    <t>UTP3, small subunit processome component homolog (S. cerevisiae) [Source:HGNC Symbol;Acc:HGNC:24477]</t>
  </si>
  <si>
    <t>ENSG00000145216</t>
  </si>
  <si>
    <t>FIP1L1</t>
  </si>
  <si>
    <t>factor interacting with PAPOLA and CPSF1 [Source:HGNC Symbol;Acc:HGNC:19124]</t>
  </si>
  <si>
    <t>ENSG00000143793</t>
  </si>
  <si>
    <t>C1orf35</t>
  </si>
  <si>
    <t>chromosome 1 open reading frame 35 [Source:HGNC Symbol;Acc:HGNC:19032]</t>
  </si>
  <si>
    <t>ENSG00000169249</t>
  </si>
  <si>
    <t>ZRSR2</t>
  </si>
  <si>
    <t>zinc finger CCCH-type, RNA binding motif and serine/arginine rich 2 [Source:HGNC Symbol;Acc:HGNC:23019]</t>
  </si>
  <si>
    <t>ENSG00000198874</t>
  </si>
  <si>
    <t>TYW1</t>
  </si>
  <si>
    <t>tRNA-yW synthesizing protein 1 homolog [Source:HGNC Symbol;Acc:HGNC:25598]</t>
  </si>
  <si>
    <t>ENSG00000196504</t>
  </si>
  <si>
    <t>PRPF40A</t>
  </si>
  <si>
    <t>pre-mRNA processing factor 40 homolog A [Source:HGNC Symbol;Acc:HGNC:16463]</t>
  </si>
  <si>
    <t>ENSG00000055609</t>
  </si>
  <si>
    <t>KMT2C</t>
  </si>
  <si>
    <t>lysine methyltransferase 2C [Source:HGNC Symbol;Acc:HGNC:13726]</t>
  </si>
  <si>
    <t>ENSG00000132603</t>
  </si>
  <si>
    <t>NIP7</t>
  </si>
  <si>
    <t>NIP7, nucleolar pre-rRNA processing protein [Source:HGNC Symbol;Acc:HGNC:24328]</t>
  </si>
  <si>
    <t>ENSG00000077348</t>
  </si>
  <si>
    <t>EXOSC5</t>
  </si>
  <si>
    <t>exosome component 5 [Source:HGNC Symbol;Acc:HGNC:24662]</t>
  </si>
  <si>
    <t>ENSG00000259956</t>
  </si>
  <si>
    <t>RBM15B</t>
  </si>
  <si>
    <t>RNA binding motif protein 15B [Source:HGNC Symbol;Acc:HGNC:24303]</t>
  </si>
  <si>
    <t>ENSG00000107614</t>
  </si>
  <si>
    <t>TRDMT1</t>
  </si>
  <si>
    <t>tRNA aspartic acid methyltransferase 1 [Source:HGNC Symbol;Acc:HGNC:2977]</t>
  </si>
  <si>
    <t>ENSG00000167088</t>
  </si>
  <si>
    <t>SNRPD1</t>
  </si>
  <si>
    <t>small nuclear ribonucleoprotein D1 polypeptide [Source:HGNC Symbol;Acc:HGNC:11158]</t>
  </si>
  <si>
    <t>ENSG00000006744</t>
  </si>
  <si>
    <t>ELAC2</t>
  </si>
  <si>
    <t>elaC ribonuclease Z 2 [Source:HGNC Symbol;Acc:HGNC:14198]</t>
  </si>
  <si>
    <t>ENSG00000066654</t>
  </si>
  <si>
    <t>THUMPD1</t>
  </si>
  <si>
    <t>THUMP domain containing 1 [Source:HGNC Symbol;Acc:HGNC:23807]</t>
  </si>
  <si>
    <t>ENSG00000113460</t>
  </si>
  <si>
    <t>BRIX1</t>
  </si>
  <si>
    <t>BRX1, biogenesis of ribosomes [Source:HGNC Symbol;Acc:HGNC:24170]</t>
  </si>
  <si>
    <t>ENSG00000100410</t>
  </si>
  <si>
    <t>PHF5A</t>
  </si>
  <si>
    <t>PHD finger protein 5A [Source:HGNC Symbol;Acc:HGNC:18000]</t>
  </si>
  <si>
    <t>ENSG00000089682</t>
  </si>
  <si>
    <t>RBM41</t>
  </si>
  <si>
    <t>RNA binding motif protein 41 [Source:HGNC Symbol;Acc:HGNC:25617]</t>
  </si>
  <si>
    <t>ENSG00000106355</t>
  </si>
  <si>
    <t>LSM5</t>
  </si>
  <si>
    <t>LSM5 homolog, U6 small nuclear RNA and mRNA degradation associated [Source:HGNC Symbol;Acc:HGNC:17162]</t>
  </si>
  <si>
    <t>ENSG00000119812</t>
  </si>
  <si>
    <t>FAM98A</t>
  </si>
  <si>
    <t>family with sequence similarity 98 member A [Source:HGNC Symbol;Acc:HGNC:24520]</t>
  </si>
  <si>
    <t>ENSG00000132676</t>
  </si>
  <si>
    <t>DAP3</t>
  </si>
  <si>
    <t>death associated protein 3 [Source:HGNC Symbol;Acc:HGNC:2673]</t>
  </si>
  <si>
    <t>ENSG00000198791</t>
  </si>
  <si>
    <t>CNOT7</t>
  </si>
  <si>
    <t>CCR4-NOT transcription complex subunit 7 [Source:HGNC Symbol;Acc:HGNC:14101]</t>
  </si>
  <si>
    <t>ENSG00000104177</t>
  </si>
  <si>
    <t>MYEF2</t>
  </si>
  <si>
    <t>myelin expression factor 2 [Source:HGNC Symbol;Acc:HGNC:17940]</t>
  </si>
  <si>
    <t>ENSG00000181817</t>
  </si>
  <si>
    <t>LSM10</t>
  </si>
  <si>
    <t>LSM10, U7 small nuclear RNA associated [Source:HGNC Symbol;Acc:HGNC:17562]</t>
  </si>
  <si>
    <t>ENSG00000205937</t>
  </si>
  <si>
    <t>RNPS1</t>
  </si>
  <si>
    <t>RNA binding protein with serine rich domain 1 [Source:HGNC Symbol;Acc:HGNC:10080]</t>
  </si>
  <si>
    <t>ENSG00000182973</t>
  </si>
  <si>
    <t>CNOT10</t>
  </si>
  <si>
    <t>CCR4-NOT transcription complex subunit 10 [Source:HGNC Symbol;Acc:HGNC:23817]</t>
  </si>
  <si>
    <t>ENSG00000135269</t>
  </si>
  <si>
    <t>TES</t>
  </si>
  <si>
    <t>testin LIM domain protein [Source:HGNC Symbol;Acc:HGNC:14620]</t>
  </si>
  <si>
    <t>ENSG00000166902</t>
  </si>
  <si>
    <t>MRPL16</t>
  </si>
  <si>
    <t>mitochondrial ribosomal protein L16 [Source:HGNC Symbol;Acc:HGNC:14476]</t>
  </si>
  <si>
    <t>ENSG00000154743</t>
  </si>
  <si>
    <t>TSEN2</t>
  </si>
  <si>
    <t>tRNA splicing endonuclease subunit 2 [Source:HGNC Symbol;Acc:HGNC:28422]</t>
  </si>
  <si>
    <t>ENSG00000124193</t>
  </si>
  <si>
    <t>SRSF6</t>
  </si>
  <si>
    <t>serine and arginine rich splicing factor 6 [Source:HGNC Symbol;Acc:HGNC:10788]</t>
  </si>
  <si>
    <t>ENSG00000172432</t>
  </si>
  <si>
    <t>GTPBP2</t>
  </si>
  <si>
    <t>GTP binding protein 2 [Source:HGNC Symbol;Acc:HGNC:4670]</t>
  </si>
  <si>
    <t>ENSG00000067334</t>
  </si>
  <si>
    <t>DNTTIP2</t>
  </si>
  <si>
    <t>deoxynucleotidyltransferase terminal interacting protein 2 [Source:HGNC Symbol;Acc:HGNC:24013]</t>
  </si>
  <si>
    <t>ENSG00000146701</t>
  </si>
  <si>
    <t>MDH2</t>
  </si>
  <si>
    <t>malate dehydrogenase 2 [Source:HGNC Symbol;Acc:HGNC:6971]</t>
  </si>
  <si>
    <t>ENSG00000131732</t>
  </si>
  <si>
    <t>ZCCHC9</t>
  </si>
  <si>
    <t>zinc finger CCHC-type containing 9 [Source:HGNC Symbol;Acc:HGNC:25424]</t>
  </si>
  <si>
    <t>ENSG00000185085</t>
  </si>
  <si>
    <t>INTS5</t>
  </si>
  <si>
    <t>integrator complex subunit 5 [Source:HGNC Symbol;Acc:HGNC:29352]</t>
  </si>
  <si>
    <t>ENSG00000100316</t>
  </si>
  <si>
    <t>RPL3</t>
  </si>
  <si>
    <t>ribosomal protein L3 [Source:HGNC Symbol;Acc:HGNC:10332]</t>
  </si>
  <si>
    <t>ENSG00000160075</t>
  </si>
  <si>
    <t>SSU72</t>
  </si>
  <si>
    <t>SSU72 homolog, RNA polymerase II CTD phosphatase [Source:HGNC Symbol;Acc:HGNC:25016]</t>
  </si>
  <si>
    <t>ENSG00000273899</t>
  </si>
  <si>
    <t>NOL12</t>
  </si>
  <si>
    <t>nucleolar protein 12 [Source:HGNC Symbol;Acc:HGNC:28585]</t>
  </si>
  <si>
    <t>ENSG00000076108</t>
  </si>
  <si>
    <t>BAZ2A</t>
  </si>
  <si>
    <t>bromodomain adjacent to zinc finger domain 2A [Source:HGNC Symbol;Acc:HGNC:962]</t>
  </si>
  <si>
    <t>ENSG00000117877</t>
  </si>
  <si>
    <t>CD3EAP</t>
  </si>
  <si>
    <t>CD3e molecule associated protein [Source:HGNC Symbol;Acc:HGNC:24219]</t>
  </si>
  <si>
    <t>ENSG00000132541</t>
  </si>
  <si>
    <t>RIDA</t>
  </si>
  <si>
    <t>reactive intermediate imine deaminase A homolog [Source:HGNC Symbol;Acc:HGNC:16897]</t>
  </si>
  <si>
    <t>ENSG00000124787</t>
  </si>
  <si>
    <t>RPP40</t>
  </si>
  <si>
    <t>ribonuclease P/MRP subunit p40 [Source:HGNC Symbol;Acc:HGNC:20992]</t>
  </si>
  <si>
    <t>ENSG00000200795</t>
  </si>
  <si>
    <t>RNU4-1</t>
  </si>
  <si>
    <t>RNA, U4 small nuclear 1 [Source:HGNC Symbol;Acc:HGNC:10192]</t>
  </si>
  <si>
    <t>ENSG00000116752</t>
  </si>
  <si>
    <t>BCAS2</t>
  </si>
  <si>
    <t>breast carcinoma amplified sequence 2 [Source:HGNC Symbol;Acc:HGNC:975]</t>
  </si>
  <si>
    <t>ENSG00000137074</t>
  </si>
  <si>
    <t>APTX</t>
  </si>
  <si>
    <t>aprataxin [Source:HGNC Symbol;Acc:HGNC:15984]</t>
  </si>
  <si>
    <t>ENSG00000134815</t>
  </si>
  <si>
    <t>DHX34</t>
  </si>
  <si>
    <t>DEAH-box helicase 34 [Source:HGNC Symbol;Acc:HGNC:16719]</t>
  </si>
  <si>
    <t>ENSG00000173674</t>
  </si>
  <si>
    <t>1964 107984923</t>
  </si>
  <si>
    <t>EIF1AX</t>
  </si>
  <si>
    <t>eukaryotic translation initiation factor 1A, X-linked [Source:HGNC Symbol;Acc:HGNC:3250]</t>
  </si>
  <si>
    <t>ENSG00000087274</t>
  </si>
  <si>
    <t>ADD1</t>
  </si>
  <si>
    <t>adducin 1 [Source:HGNC Symbol;Acc:HGNC:243]</t>
  </si>
  <si>
    <t>ENSG00000105865</t>
  </si>
  <si>
    <t>DUS4L</t>
  </si>
  <si>
    <t>dihydrouridine synthase 4 like [Source:HGNC Symbol;Acc:HGNC:21517]</t>
  </si>
  <si>
    <t>ENSG00000076053</t>
  </si>
  <si>
    <t>RBM7</t>
  </si>
  <si>
    <t>RNA binding motif protein 7 [Source:HGNC Symbol;Acc:HGNC:9904]</t>
  </si>
  <si>
    <t>ENSG00000159217</t>
  </si>
  <si>
    <t>IGF2BP1</t>
  </si>
  <si>
    <t>insulin like growth factor 2 mRNA binding protein 1 [Source:HGNC Symbol;Acc:HGNC:28866]</t>
  </si>
  <si>
    <t>ENSG00000188613</t>
  </si>
  <si>
    <t>NANOS1</t>
  </si>
  <si>
    <t>nanos C2HC-type zinc finger 1 [Source:HGNC Symbol;Acc:HGNC:23044]</t>
  </si>
  <si>
    <t>ENSG00000168439</t>
  </si>
  <si>
    <t>STIP1</t>
  </si>
  <si>
    <t>stress induced phosphoprotein 1 [Source:HGNC Symbol;Acc:HGNC:11387]</t>
  </si>
  <si>
    <t>ENSG00000105202</t>
  </si>
  <si>
    <t>FBL</t>
  </si>
  <si>
    <t>fibrillarin [Source:HGNC Symbol;Acc:HGNC:3599]</t>
  </si>
  <si>
    <t>ENSG00000162437</t>
  </si>
  <si>
    <t>RAVER2</t>
  </si>
  <si>
    <t>ribonucleoprotein, PTB binding 2 [Source:HGNC Symbol;Acc:HGNC:25577]</t>
  </si>
  <si>
    <t>ENSG00000165732</t>
  </si>
  <si>
    <t>DDX21</t>
  </si>
  <si>
    <t>DEAD-box helicase 21 [Source:HGNC Symbol;Acc:HGNC:2744]</t>
  </si>
  <si>
    <t>ENSG00000165502</t>
  </si>
  <si>
    <t>RPL36AL</t>
  </si>
  <si>
    <t>ribosomal protein L36a like [Source:HGNC Symbol;Acc:HGNC:10346]</t>
  </si>
  <si>
    <t>ENSG00000178105</t>
  </si>
  <si>
    <t>DDX10</t>
  </si>
  <si>
    <t>DEAD-box helicase 10 [Source:HGNC Symbol;Acc:HGNC:2735]</t>
  </si>
  <si>
    <t>ENSG00000037897</t>
  </si>
  <si>
    <t>METTL1</t>
  </si>
  <si>
    <t>methyltransferase like 1 [Source:HGNC Symbol;Acc:HGNC:7030]</t>
  </si>
  <si>
    <t>ENSG00000176624</t>
  </si>
  <si>
    <t>MEX3C</t>
  </si>
  <si>
    <t>mex-3 RNA binding family member C [Source:HGNC Symbol;Acc:HGNC:28040]</t>
  </si>
  <si>
    <t>ENSG00000163874</t>
  </si>
  <si>
    <t>80149 102465438</t>
  </si>
  <si>
    <t>ZC3H12A</t>
  </si>
  <si>
    <t>zinc finger CCCH-type containing 12A [Source:HGNC Symbol;Acc:HGNC:26259]</t>
  </si>
  <si>
    <t>ENSG00000166938</t>
  </si>
  <si>
    <t>DIS3L</t>
  </si>
  <si>
    <t>DIS3 like exosome 3'-5' exoribonuclease [Source:HGNC Symbol;Acc:HGNC:28698]</t>
  </si>
  <si>
    <t>ENSG00000161970</t>
  </si>
  <si>
    <t>RPL26</t>
  </si>
  <si>
    <t>ribosomal protein L26 [Source:HGNC Symbol;Acc:HGNC:10327]</t>
  </si>
  <si>
    <t>ENSG00000138709</t>
  </si>
  <si>
    <t>LARP1B</t>
  </si>
  <si>
    <t>La ribonucleoprotein domain family member 1B [Source:HGNC Symbol;Acc:HGNC:24704]</t>
  </si>
  <si>
    <t>ENSG00000059378</t>
  </si>
  <si>
    <t>PARP12</t>
  </si>
  <si>
    <t>poly(ADP-ribose) polymerase family member 12 [Source:HGNC Symbol;Acc:HGNC:21919]</t>
  </si>
  <si>
    <t>ENSG00000096401</t>
  </si>
  <si>
    <t>CDC5L</t>
  </si>
  <si>
    <t>cell division cycle 5 like [Source:HGNC Symbol;Acc:HGNC:1743]</t>
  </si>
  <si>
    <t>ENSG00000213638</t>
  </si>
  <si>
    <t>ADAT3</t>
  </si>
  <si>
    <t>adenosine deaminase, tRNA specific 3 [Source:HGNC Symbol;Acc:HGNC:25151]</t>
  </si>
  <si>
    <t>ENSG00000188976</t>
  </si>
  <si>
    <t>NOC2L</t>
  </si>
  <si>
    <t>NOC2 like nucleolar associated transcriptional repressor [Source:HGNC Symbol;Acc:HGNC:24517]</t>
  </si>
  <si>
    <t>ENSG00000204576</t>
  </si>
  <si>
    <t>PRR3</t>
  </si>
  <si>
    <t>proline rich 3 [Source:HGNC Symbol;Acc:HGNC:21149]</t>
  </si>
  <si>
    <t>ENSG00000182173</t>
  </si>
  <si>
    <t>TSEN54</t>
  </si>
  <si>
    <t>tRNA splicing endonuclease subunit 54 [Source:HGNC Symbol;Acc:HGNC:27561]</t>
  </si>
  <si>
    <t>ENSG00000179041</t>
  </si>
  <si>
    <t>RRS1</t>
  </si>
  <si>
    <t>ribosome biogenesis regulator homolog [Source:HGNC Symbol;Acc:HGNC:17083]</t>
  </si>
  <si>
    <t>ENSG00000197223</t>
  </si>
  <si>
    <t>C1D</t>
  </si>
  <si>
    <t>C1D nuclear receptor corepressor [Source:HGNC Symbol;Acc:HGNC:29911]</t>
  </si>
  <si>
    <t>ENSG00000130227</t>
  </si>
  <si>
    <t>XPO7</t>
  </si>
  <si>
    <t>exportin 7 [Source:HGNC Symbol;Acc:HGNC:14108]</t>
  </si>
  <si>
    <t>ENSG00000233927</t>
  </si>
  <si>
    <t>RPS28</t>
  </si>
  <si>
    <t>ribosomal protein S28 [Source:HGNC Symbol;Acc:HGNC:10418]</t>
  </si>
  <si>
    <t>ENSG00000091542</t>
  </si>
  <si>
    <t>ALKBH5</t>
  </si>
  <si>
    <t>alkB homolog 5, RNA demethylase [Source:HGNC Symbol;Acc:HGNC:25996]</t>
  </si>
  <si>
    <t>ENSG00000171861</t>
  </si>
  <si>
    <t>MRM3</t>
  </si>
  <si>
    <t>mitochondrial rRNA methyltransferase 3 [Source:HGNC Symbol;Acc:HGNC:18485]</t>
  </si>
  <si>
    <t>ENSG00000169972</t>
  </si>
  <si>
    <t>PUSL1</t>
  </si>
  <si>
    <t>pseudouridylate synthase-like 1 [Source:HGNC Symbol;Acc:HGNC:26914]</t>
  </si>
  <si>
    <t>ENSG00000139910</t>
  </si>
  <si>
    <t>NOVA1</t>
  </si>
  <si>
    <t>NOVA alternative splicing regulator 1 [Source:HGNC Symbol;Acc:HGNC:7886]</t>
  </si>
  <si>
    <t>ENSG00000058673</t>
  </si>
  <si>
    <t>ZC3H11A</t>
  </si>
  <si>
    <t>zinc finger CCCH-type containing 11A [Source:HGNC Symbol;Acc:HGNC:29093]</t>
  </si>
  <si>
    <t>ENSG00000099381</t>
  </si>
  <si>
    <t>SETD1A</t>
  </si>
  <si>
    <t>SET domain containing 1A [Source:HGNC Symbol;Acc:HGNC:29010]</t>
  </si>
  <si>
    <t>ENSG00000138382</t>
  </si>
  <si>
    <t>METTL5</t>
  </si>
  <si>
    <t>methyltransferase like 5 [Source:HGNC Symbol;Acc:HGNC:25006]</t>
  </si>
  <si>
    <t>ENSG00000162642</t>
  </si>
  <si>
    <t>C1orf52</t>
  </si>
  <si>
    <t>chromosome 1 open reading frame 52 [Source:HGNC Symbol;Acc:HGNC:24871]</t>
  </si>
  <si>
    <t>ENSG00000101665</t>
  </si>
  <si>
    <t>SMAD7</t>
  </si>
  <si>
    <t>SMAD family member 7 [Source:HGNC Symbol;Acc:HGNC:6773]</t>
  </si>
  <si>
    <t>ENSG00000203791</t>
  </si>
  <si>
    <t>METTL10</t>
  </si>
  <si>
    <t>methyltransferase like 10 [Source:HGNC Symbol;Acc:HGNC:33787]</t>
  </si>
  <si>
    <t>ENSG00000129460</t>
  </si>
  <si>
    <t>NGDN</t>
  </si>
  <si>
    <t>neuroguidin [Source:HGNC Symbol;Acc:HGNC:20271]</t>
  </si>
  <si>
    <t>ENSG00000095139</t>
  </si>
  <si>
    <t>ARCN1</t>
  </si>
  <si>
    <t>archain 1 [Source:HGNC Symbol;Acc:HGNC:649]</t>
  </si>
  <si>
    <t>ENSG00000107949</t>
  </si>
  <si>
    <t>BCCIP</t>
  </si>
  <si>
    <t>BRCA2 and CDKN1A interacting protein [Source:HGNC Symbol;Acc:HGNC:978]</t>
  </si>
  <si>
    <t>ENSG00000071794</t>
  </si>
  <si>
    <t>HLTF</t>
  </si>
  <si>
    <t>helicase like transcription factor [Source:HGNC Symbol;Acc:HGNC:11099]</t>
  </si>
  <si>
    <t>ENSG00000166024</t>
  </si>
  <si>
    <t>R3HCC1L</t>
  </si>
  <si>
    <t>R3H domain and coiled-coil containing 1 like [Source:HGNC Symbol;Acc:HGNC:23512]</t>
  </si>
  <si>
    <t>ENSG00000088038</t>
  </si>
  <si>
    <t>CNOT3</t>
  </si>
  <si>
    <t>CCR4-NOT transcription complex subunit 3 [Source:HGNC Symbol;Acc:HGNC:7879]</t>
  </si>
  <si>
    <t>ENSG00000183258</t>
  </si>
  <si>
    <t>DDX41</t>
  </si>
  <si>
    <t>DEAD-box helicase 41 [Source:HGNC Symbol;Acc:HGNC:18674]</t>
  </si>
  <si>
    <t>ENSG00000185946</t>
  </si>
  <si>
    <t>RNPC3</t>
  </si>
  <si>
    <t>RNA binding region (RNP1, RRM) containing 3 [Source:HGNC Symbol;Acc:HGNC:18666]</t>
  </si>
  <si>
    <t>ENSG00000130299</t>
  </si>
  <si>
    <t>GTPBP3</t>
  </si>
  <si>
    <t>GTP binding protein 3 (mitochondrial) [Source:HGNC Symbol;Acc:HGNC:14880]</t>
  </si>
  <si>
    <t>ENSG00000149136</t>
  </si>
  <si>
    <t>SSRP1</t>
  </si>
  <si>
    <t>structure specific recognition protein 1 [Source:HGNC Symbol;Acc:HGNC:11327]</t>
  </si>
  <si>
    <t>ENSG00000176444</t>
  </si>
  <si>
    <t>CLK2</t>
  </si>
  <si>
    <t>CDC like kinase 2 [Source:HGNC Symbol;Acc:HGNC:2069]</t>
  </si>
  <si>
    <t>ENSG00000112110</t>
  </si>
  <si>
    <t>MRPL18</t>
  </si>
  <si>
    <t>mitochondrial ribosomal protein L18 [Source:HGNC Symbol;Acc:HGNC:14477]</t>
  </si>
  <si>
    <t>ENSG00000134283</t>
  </si>
  <si>
    <t>PPHLN1</t>
  </si>
  <si>
    <t>periphilin 1 [Source:HGNC Symbol;Acc:HGNC:19369]</t>
  </si>
  <si>
    <t>ENSG00000168807</t>
  </si>
  <si>
    <t>SNTB2</t>
  </si>
  <si>
    <t>syntrophin beta 2 [Source:HGNC Symbol;Acc:HGNC:11169]</t>
  </si>
  <si>
    <t>ENSG00000167658</t>
  </si>
  <si>
    <t>EEF2</t>
  </si>
  <si>
    <t>eukaryotic translation elongation factor 2 [Source:HGNC Symbol;Acc:HGNC:3214]</t>
  </si>
  <si>
    <t>ENSG00000204351</t>
  </si>
  <si>
    <t>SKIV2L</t>
  </si>
  <si>
    <t>Ski2 like RNA helicase [Source:HGNC Symbol;Acc:HGNC:10898]</t>
  </si>
  <si>
    <t>ENSG00000157110</t>
  </si>
  <si>
    <t>RBPMS</t>
  </si>
  <si>
    <t>RNA binding protein with multiple splicing [Source:HGNC Symbol;Acc:HGNC:19097]</t>
  </si>
  <si>
    <t>ENSG00000128016</t>
  </si>
  <si>
    <t>ZFP36</t>
  </si>
  <si>
    <t>ZFP36 ring finger protein [Source:HGNC Symbol;Acc:HGNC:12862]</t>
  </si>
  <si>
    <t>ENSG00000167118</t>
  </si>
  <si>
    <t>URM1</t>
  </si>
  <si>
    <t>ubiquitin related modifier 1 [Source:HGNC Symbol;Acc:HGNC:28378]</t>
  </si>
  <si>
    <t>ENSG00000126070</t>
  </si>
  <si>
    <t>AGO3</t>
  </si>
  <si>
    <t>argonaute 3, RISC catalytic component [Source:HGNC Symbol;Acc:HGNC:18421]</t>
  </si>
  <si>
    <t>ENSG00000082258</t>
  </si>
  <si>
    <t>CCNT2</t>
  </si>
  <si>
    <t>cyclin T2 [Source:HGNC Symbol;Acc:HGNC:1600]</t>
  </si>
  <si>
    <t>ENSG00000214026</t>
  </si>
  <si>
    <t>6150 107987373</t>
  </si>
  <si>
    <t>MRPL23</t>
  </si>
  <si>
    <t>mitochondrial ribosomal protein L23 [Source:HGNC Symbol;Acc:HGNC:10322]</t>
  </si>
  <si>
    <t>ENSG00000039123</t>
  </si>
  <si>
    <t>SKIV2L2</t>
  </si>
  <si>
    <t>Ski2 like RNA helicase 2 [Source:HGNC Symbol;Acc:HGNC:18734]</t>
  </si>
  <si>
    <t>ENSG00000153201</t>
  </si>
  <si>
    <t>RANBP2</t>
  </si>
  <si>
    <t>RAN binding protein 2 [Source:HGNC Symbol;Acc:HGNC:9848]</t>
  </si>
  <si>
    <t>ENSG00000179409</t>
  </si>
  <si>
    <t>GEMIN4</t>
  </si>
  <si>
    <t>gem nuclear organelle associated protein 4 [Source:HGNC Symbol;Acc:HGNC:15717]</t>
  </si>
  <si>
    <t>ENSG00000074201</t>
  </si>
  <si>
    <t>CLNS1A</t>
  </si>
  <si>
    <t>chloride nucleotide-sensitive channel 1A [Source:HGNC Symbol;Acc:HGNC:2080]</t>
  </si>
  <si>
    <t>ENSG00000134744</t>
  </si>
  <si>
    <t>ZCCHC11</t>
  </si>
  <si>
    <t>zinc finger CCHC-type containing 11 [Source:HGNC Symbol;Acc:HGNC:28981]</t>
  </si>
  <si>
    <t>ENSG00000139131</t>
  </si>
  <si>
    <t>YARS2</t>
  </si>
  <si>
    <t>tyrosyl-tRNA synthetase 2 [Source:HGNC Symbol;Acc:HGNC:24249]</t>
  </si>
  <si>
    <t>ENSG00000142864</t>
  </si>
  <si>
    <t>SERBP1</t>
  </si>
  <si>
    <t>SERPINE1 mRNA binding protein 1 [Source:HGNC Symbol;Acc:HGNC:17860]</t>
  </si>
  <si>
    <t>ENSG00000128394</t>
  </si>
  <si>
    <t>APOBEC3F</t>
  </si>
  <si>
    <t>apolipoprotein B mRNA editing enzyme catalytic subunit 3F [Source:HGNC Symbol;Acc:HGNC:17356]</t>
  </si>
  <si>
    <t>ENSG00000117593</t>
  </si>
  <si>
    <t>DARS2</t>
  </si>
  <si>
    <t>aspartyl-tRNA synthetase 2, mitochondrial [Source:HGNC Symbol;Acc:HGNC:25538]</t>
  </si>
  <si>
    <t>ENSG00000198692</t>
  </si>
  <si>
    <t>EIF1AY</t>
  </si>
  <si>
    <t>eukaryotic translation initiation factor 1A, Y-linked [Source:HGNC Symbol;Acc:HGNC:3252]</t>
  </si>
  <si>
    <t>ENSG00000179134</t>
  </si>
  <si>
    <t>SAMD4B</t>
  </si>
  <si>
    <t>sterile alpha motif domain containing 4B [Source:HGNC Symbol;Acc:HGNC:25492]</t>
  </si>
  <si>
    <t>ENSG00000161847</t>
  </si>
  <si>
    <t>RAVER1</t>
  </si>
  <si>
    <t>ribonucleoprotein, PTB binding 1 [Source:HGNC Symbol;Acc:HGNC:30296]</t>
  </si>
  <si>
    <t>ENSG00000095485</t>
  </si>
  <si>
    <t>CWF19L1</t>
  </si>
  <si>
    <t>CWF19-like 1, cell cycle control (S. pombe) [Source:HGNC Symbol;Acc:HGNC:25613]</t>
  </si>
  <si>
    <t>ENSG00000100722</t>
  </si>
  <si>
    <t>ZC3H14</t>
  </si>
  <si>
    <t>zinc finger CCCH-type containing 14 [Source:HGNC Symbol;Acc:HGNC:20509]</t>
  </si>
  <si>
    <t>ENSG00000116791</t>
  </si>
  <si>
    <t>CRYZ</t>
  </si>
  <si>
    <t>crystallin zeta [Source:HGNC Symbol;Acc:HGNC:2419]</t>
  </si>
  <si>
    <t>ENSG00000182196</t>
  </si>
  <si>
    <t>ARL6IP4</t>
  </si>
  <si>
    <t>ADP ribosylation factor like GTPase 6 interacting protein 4 [Source:HGNC Symbol;Acc:HGNC:18076]</t>
  </si>
  <si>
    <t>ENSG00000100320</t>
  </si>
  <si>
    <t>RBFOX2</t>
  </si>
  <si>
    <t>RNA binding protein, fox-1 homolog 2 [Source:HGNC Symbol;Acc:HGNC:9906]</t>
  </si>
  <si>
    <t>ENSG00000105193</t>
  </si>
  <si>
    <t>RPS16</t>
  </si>
  <si>
    <t>ribosomal protein S16 [Source:HGNC Symbol;Acc:HGNC:10396]</t>
  </si>
  <si>
    <t>ENSG00000141076</t>
  </si>
  <si>
    <t>UTP4</t>
  </si>
  <si>
    <t>UTP4, small subunit processome component [Source:HGNC Symbol;Acc:HGNC:1983]</t>
  </si>
  <si>
    <t>ENSG00000143314</t>
  </si>
  <si>
    <t>MRPL24</t>
  </si>
  <si>
    <t>mitochondrial ribosomal protein L24 [Source:HGNC Symbol;Acc:HGNC:14037]</t>
  </si>
  <si>
    <t>ENSG00000143486</t>
  </si>
  <si>
    <t>EIF2D</t>
  </si>
  <si>
    <t>eukaryotic translation initiation factor 2D [Source:HGNC Symbol;Acc:HGNC:6583]</t>
  </si>
  <si>
    <t>ENSG00000122687</t>
  </si>
  <si>
    <t>MRM2</t>
  </si>
  <si>
    <t>mitochondrial rRNA methyltransferase 2 [Source:HGNC Symbol;Acc:HGNC:16352]</t>
  </si>
  <si>
    <t>ENSG00000166441</t>
  </si>
  <si>
    <t>RPL27A</t>
  </si>
  <si>
    <t>ribosomal protein L27a [Source:HGNC Symbol;Acc:HGNC:10329]</t>
  </si>
  <si>
    <t>ENSG00000131652</t>
  </si>
  <si>
    <t>THOC6</t>
  </si>
  <si>
    <t>THO complex 6 [Source:HGNC Symbol;Acc:HGNC:28369]</t>
  </si>
  <si>
    <t>ENSG00000100416</t>
  </si>
  <si>
    <t>TRMU</t>
  </si>
  <si>
    <t>tRNA 5-methylaminomethyl-2-thiouridylate methyltransferase [Source:HGNC Symbol;Acc:HGNC:25481]</t>
  </si>
  <si>
    <t>ENSG00000102738</t>
  </si>
  <si>
    <t>MRPS31</t>
  </si>
  <si>
    <t>mitochondrial ribosomal protein S31 [Source:HGNC Symbol;Acc:HGNC:16632]</t>
  </si>
  <si>
    <t>ENSG00000176102</t>
  </si>
  <si>
    <t>CSTF3</t>
  </si>
  <si>
    <t>cleavage stimulation factor subunit 3 [Source:HGNC Symbol;Acc:HGNC:2485]</t>
  </si>
  <si>
    <t>ENSG00000096384</t>
  </si>
  <si>
    <t>HSP90AB1</t>
  </si>
  <si>
    <t>heat shock protein 90 alpha family class B member 1 [Source:HGNC Symbol;Acc:HGNC:5258]</t>
  </si>
  <si>
    <t>ENSG00000179988</t>
  </si>
  <si>
    <t>PSTK</t>
  </si>
  <si>
    <t>phosphoseryl-tRNA kinase [Source:HGNC Symbol;Acc:HGNC:28578]</t>
  </si>
  <si>
    <t>ENSG00000167272</t>
  </si>
  <si>
    <t>POP5</t>
  </si>
  <si>
    <t>POP5 homolog, ribonuclease P/MRP subunit [Source:HGNC Symbol;Acc:HGNC:17689]</t>
  </si>
  <si>
    <t>ENSG00000197756</t>
  </si>
  <si>
    <t>RPL37A</t>
  </si>
  <si>
    <t>ribosomal protein L37a [Source:HGNC Symbol;Acc:HGNC:10348]</t>
  </si>
  <si>
    <t>ENSG00000106682</t>
  </si>
  <si>
    <t>EIF4H</t>
  </si>
  <si>
    <t>eukaryotic translation initiation factor 4H [Source:HGNC Symbol;Acc:HGNC:12741]</t>
  </si>
  <si>
    <t>ENSG00000137073</t>
  </si>
  <si>
    <t>UBAP2</t>
  </si>
  <si>
    <t>ubiquitin associated protein 2 [Source:HGNC Symbol;Acc:HGNC:14185]</t>
  </si>
  <si>
    <t>ENSG00000107864</t>
  </si>
  <si>
    <t>CPEB3</t>
  </si>
  <si>
    <t>cytoplasmic polyadenylation element binding protein 3 [Source:HGNC Symbol;Acc:HGNC:21746]</t>
  </si>
  <si>
    <t>ENSG00000174231</t>
  </si>
  <si>
    <t>PRPF8</t>
  </si>
  <si>
    <t>pre-mRNA processing factor 8 [Source:HGNC Symbol;Acc:HGNC:17340]</t>
  </si>
  <si>
    <t>ENSG00000100601</t>
  </si>
  <si>
    <t>ALKBH1</t>
  </si>
  <si>
    <t>alkB homolog 1, histone H2A dioxygenase [Source:HGNC Symbol;Acc:HGNC:17911]</t>
  </si>
  <si>
    <t>ENSG00000074266</t>
  </si>
  <si>
    <t>8726 102465452</t>
  </si>
  <si>
    <t>EED</t>
  </si>
  <si>
    <t>embryonic ectoderm development [Source:HGNC Symbol;Acc:HGNC:3188]</t>
  </si>
  <si>
    <t>ENSG00000257218</t>
  </si>
  <si>
    <t>GATC</t>
  </si>
  <si>
    <t>glutamyl-tRNA amidotransferase subunit C [Source:HGNC Symbol;Acc:HGNC:25068]</t>
  </si>
  <si>
    <t>ENSG00000169957</t>
  </si>
  <si>
    <t>ZNF768</t>
  </si>
  <si>
    <t>zinc finger protein 768 [Source:HGNC Symbol;Acc:HGNC:26273]</t>
  </si>
  <si>
    <t>ENSG00000091732</t>
  </si>
  <si>
    <t>ZC3HC1</t>
  </si>
  <si>
    <t>zinc finger C3HC-type containing 1 [Source:HGNC Symbol;Acc:HGNC:29913]</t>
  </si>
  <si>
    <t>ENSG00000067704</t>
  </si>
  <si>
    <t>IARS2</t>
  </si>
  <si>
    <t>isoleucyl-tRNA synthetase 2, mitochondrial [Source:HGNC Symbol;Acc:HGNC:29685]</t>
  </si>
  <si>
    <t>ENSG00000064607</t>
  </si>
  <si>
    <t>SUGP2</t>
  </si>
  <si>
    <t>SURP and G-patch domain containing 2 [Source:HGNC Symbol;Acc:HGNC:18641]</t>
  </si>
  <si>
    <t>ENSG00000101104</t>
  </si>
  <si>
    <t>PABPC1L</t>
  </si>
  <si>
    <t>poly(A) binding protein cytoplasmic 1 like [Source:HGNC Symbol;Acc:HGNC:15797]</t>
  </si>
  <si>
    <t>ENSG00000111596</t>
  </si>
  <si>
    <t>CNOT2</t>
  </si>
  <si>
    <t>CCR4-NOT transcription complex subunit 2 [Source:HGNC Symbol;Acc:HGNC:7878]</t>
  </si>
  <si>
    <t>ENSG00000123064</t>
  </si>
  <si>
    <t>DDX54</t>
  </si>
  <si>
    <t>DEAD-box helicase 54 [Source:HGNC Symbol;Acc:HGNC:20084]</t>
  </si>
  <si>
    <t>ENSG00000148773</t>
  </si>
  <si>
    <t>MKI67</t>
  </si>
  <si>
    <t>marker of proliferation Ki-67 [Source:HGNC Symbol;Acc:HGNC:7107]</t>
  </si>
  <si>
    <t>ENSG00000136270</t>
  </si>
  <si>
    <t>TBRG4</t>
  </si>
  <si>
    <t>transforming growth factor beta regulator 4 [Source:HGNC Symbol;Acc:HGNC:17443]</t>
  </si>
  <si>
    <t>ENSG00000113658</t>
  </si>
  <si>
    <t>SMAD5</t>
  </si>
  <si>
    <t>SMAD family member 5 [Source:HGNC Symbol;Acc:HGNC:6771]</t>
  </si>
  <si>
    <t>ENSG00000188529</t>
  </si>
  <si>
    <t>SRSF10</t>
  </si>
  <si>
    <t>serine and arginine rich splicing factor 10 [Source:HGNC Symbol;Acc:HGNC:16713]</t>
  </si>
  <si>
    <t>ENSG00000272886</t>
  </si>
  <si>
    <t>DCP1A</t>
  </si>
  <si>
    <t>decapping mRNA 1A [Source:HGNC Symbol;Acc:HGNC:18714]</t>
  </si>
  <si>
    <t>ENSG00000070366</t>
  </si>
  <si>
    <t>SMG6</t>
  </si>
  <si>
    <t>SMG6, nonsense mediated mRNA decay factor [Source:HGNC Symbol;Acc:HGNC:17809]</t>
  </si>
  <si>
    <t>ENSG00000149577</t>
  </si>
  <si>
    <t>SIDT2</t>
  </si>
  <si>
    <t>SID1 transmembrane family member 2 [Source:HGNC Symbol;Acc:HGNC:24272]</t>
  </si>
  <si>
    <t>ENSG00000100461</t>
  </si>
  <si>
    <t>RBM23</t>
  </si>
  <si>
    <t>RNA binding motif protein 23 [Source:HGNC Symbol;Acc:HGNC:20155]</t>
  </si>
  <si>
    <t>ENSG00000145220</t>
  </si>
  <si>
    <t>LYAR</t>
  </si>
  <si>
    <t>Ly1 antibody reactive [Source:HGNC Symbol;Acc:HGNC:26021]</t>
  </si>
  <si>
    <t>ENSG00000152234</t>
  </si>
  <si>
    <t>ATP5A1</t>
  </si>
  <si>
    <t>ATP synthase, H+ transporting, mitochondrial F1 complex, alpha subunit 1, cardiac muscle [Source:HGNC Symbol;Acc:HGNC:823]</t>
  </si>
  <si>
    <t>ENSG00000080824</t>
  </si>
  <si>
    <t>HSP90AA1</t>
  </si>
  <si>
    <t>heat shock protein 90 alpha family class A member 1 [Source:HGNC Symbol;Acc:HGNC:5253]</t>
  </si>
  <si>
    <t>ENSG00000143368</t>
  </si>
  <si>
    <t>SF3B4</t>
  </si>
  <si>
    <t>splicing factor 3b subunit 4 [Source:HGNC Symbol;Acc:HGNC:10771]</t>
  </si>
  <si>
    <t>ENSG00000140259</t>
  </si>
  <si>
    <t>MFAP1</t>
  </si>
  <si>
    <t>microfibrillar associated protein 1 [Source:HGNC Symbol;Acc:HGNC:7032]</t>
  </si>
  <si>
    <t>ENSG00000214944</t>
  </si>
  <si>
    <t>ARHGEF28</t>
  </si>
  <si>
    <t>Rho guanine nucleotide exchange factor 28 [Source:HGNC Symbol;Acc:HGNC:30322]</t>
  </si>
  <si>
    <t>ENSG00000124789</t>
  </si>
  <si>
    <t>NUP153</t>
  </si>
  <si>
    <t>nucleoporin 153 [Source:HGNC Symbol;Acc:HGNC:8062]</t>
  </si>
  <si>
    <t>ENSG00000205531</t>
  </si>
  <si>
    <t>NAP1L4</t>
  </si>
  <si>
    <t>nucleosome assembly protein 1 like 4 [Source:HGNC Symbol;Acc:HGNC:7640]</t>
  </si>
  <si>
    <t>ENSG00000136243</t>
  </si>
  <si>
    <t>NUPL2</t>
  </si>
  <si>
    <t>nucleoporin like 2 [Source:HGNC Symbol;Acc:HGNC:17010]</t>
  </si>
  <si>
    <t>ENSG00000150316</t>
  </si>
  <si>
    <t>CWC15</t>
  </si>
  <si>
    <t>CWC15 spliceosome-associated protein [Source:HGNC Symbol;Acc:HGNC:26939]</t>
  </si>
  <si>
    <t>ENSG00000142207</t>
  </si>
  <si>
    <t>URB1</t>
  </si>
  <si>
    <t>URB1 ribosome biogenesis 1 homolog (S. cerevisiae) [Source:HGNC Symbol;Acc:HGNC:17344]</t>
  </si>
  <si>
    <t>ENSG00000165934</t>
  </si>
  <si>
    <t>CPSF2</t>
  </si>
  <si>
    <t>cleavage and polyadenylation specific factor 2 [Source:HGNC Symbol;Acc:HGNC:2325]</t>
  </si>
  <si>
    <t>ENSG00000186416</t>
  </si>
  <si>
    <t>NKRF</t>
  </si>
  <si>
    <t>NFKB repressing factor [Source:HGNC Symbol;Acc:HGNC:19374]</t>
  </si>
  <si>
    <t>ENSG00000149658</t>
  </si>
  <si>
    <t>YTHDF1</t>
  </si>
  <si>
    <t>YTH N6-methyladenosine RNA binding protein 1 [Source:HGNC Symbol;Acc:HGNC:15867]</t>
  </si>
  <si>
    <t>ENSG00000158526</t>
  </si>
  <si>
    <t>TSR2</t>
  </si>
  <si>
    <t>TSR2, ribosome maturation factor [Source:HGNC Symbol;Acc:HGNC:25455]</t>
  </si>
  <si>
    <t>ENSG00000134874</t>
  </si>
  <si>
    <t>DZIP1</t>
  </si>
  <si>
    <t>DAZ interacting zinc finger protein 1 [Source:HGNC Symbol;Acc:HGNC:20908]</t>
  </si>
  <si>
    <t>ENSG00000047188</t>
  </si>
  <si>
    <t>YTHDC2</t>
  </si>
  <si>
    <t>YTH domain containing 2 [Source:HGNC Symbol;Acc:HGNC:24721]</t>
  </si>
  <si>
    <t>ENSG00000131368</t>
  </si>
  <si>
    <t>MRPS25</t>
  </si>
  <si>
    <t>mitochondrial ribosomal protein S25 [Source:HGNC Symbol;Acc:HGNC:14511]</t>
  </si>
  <si>
    <t>ENSG00000124374</t>
  </si>
  <si>
    <t>PAIP2B</t>
  </si>
  <si>
    <t>poly(A) binding protein interacting protein 2B [Source:HGNC Symbol;Acc:HGNC:29200]</t>
  </si>
  <si>
    <t>ENSG00000059145</t>
  </si>
  <si>
    <t>UNKL</t>
  </si>
  <si>
    <t>unkempt family like zinc finger [Source:HGNC Symbol;Acc:HGNC:14184]</t>
  </si>
  <si>
    <t>ENSG00000049883</t>
  </si>
  <si>
    <t>PTCD2</t>
  </si>
  <si>
    <t>pentatricopeptide repeat domain 2 [Source:HGNC Symbol;Acc:HGNC:25734]</t>
  </si>
  <si>
    <t>ENSG00000119392</t>
  </si>
  <si>
    <t>GLE1</t>
  </si>
  <si>
    <t>GLE1, RNA export mediator [Source:HGNC Symbol;Acc:HGNC:4315]</t>
  </si>
  <si>
    <t>ENSG00000129566</t>
  </si>
  <si>
    <t>TEP1</t>
  </si>
  <si>
    <t>telomerase associated protein 1 [Source:HGNC Symbol;Acc:HGNC:11726]</t>
  </si>
  <si>
    <t>ENSG00000075151</t>
  </si>
  <si>
    <t>EIF4G3</t>
  </si>
  <si>
    <t>eukaryotic translation initiation factor 4 gamma 3 [Source:HGNC Symbol;Acc:HGNC:3298]</t>
  </si>
  <si>
    <t>ENSG00000089876</t>
  </si>
  <si>
    <t>DHX32</t>
  </si>
  <si>
    <t>DEAH-box helicase 32 (putative) [Source:HGNC Symbol;Acc:HGNC:16717]</t>
  </si>
  <si>
    <t>ENSG00000183808</t>
  </si>
  <si>
    <t>RBM12B</t>
  </si>
  <si>
    <t>RNA binding motif protein 12B [Source:HGNC Symbol;Acc:HGNC:32310]</t>
  </si>
  <si>
    <t>ENSG00000135097</t>
  </si>
  <si>
    <t>MSI1</t>
  </si>
  <si>
    <t>musashi RNA binding protein 1 [Source:HGNC Symbol;Acc:HGNC:7330]</t>
  </si>
  <si>
    <t>ENSG00000134398</t>
  </si>
  <si>
    <t>ERN2</t>
  </si>
  <si>
    <t>endoplasmic reticulum to nucleus signaling 2 [Source:HGNC Symbol;Acc:HGNC:16942]</t>
  </si>
  <si>
    <t>ENSG00000108592</t>
  </si>
  <si>
    <t>FTSJ3</t>
  </si>
  <si>
    <t>FtsJ homolog 3 [Source:HGNC Symbol;Acc:HGNC:17136]</t>
  </si>
  <si>
    <t>ENSG00000040341</t>
  </si>
  <si>
    <t>STAU2</t>
  </si>
  <si>
    <t>staufen double-stranded RNA binding protein 2 [Source:HGNC Symbol;Acc:HGNC:11371]</t>
  </si>
  <si>
    <t>ENSG00000132773</t>
  </si>
  <si>
    <t>TOE1</t>
  </si>
  <si>
    <t>target of EGR1, member 1 (nuclear) [Source:HGNC Symbol;Acc:HGNC:15954]</t>
  </si>
  <si>
    <t>ENSG00000101782</t>
  </si>
  <si>
    <t>RIOK3</t>
  </si>
  <si>
    <t>RIO kinase 3 [Source:HGNC Symbol;Acc:HGNC:11451]</t>
  </si>
  <si>
    <t>ENSG00000124802</t>
  </si>
  <si>
    <t>EEF1E1</t>
  </si>
  <si>
    <t>eukaryotic translation elongation factor 1 epsilon 1 [Source:HGNC Symbol;Acc:HGNC:3212]</t>
  </si>
  <si>
    <t>ENSG00000137497</t>
  </si>
  <si>
    <t>NUMA1</t>
  </si>
  <si>
    <t>nuclear mitotic apparatus protein 1 [Source:HGNC Symbol;Acc:HGNC:8059]</t>
  </si>
  <si>
    <t>ENSG00000127022</t>
  </si>
  <si>
    <t>CANX</t>
  </si>
  <si>
    <t>calnexin [Source:HGNC Symbol;Acc:HGNC:1473]</t>
  </si>
  <si>
    <t>ENSG00000143742</t>
  </si>
  <si>
    <t>SRP9</t>
  </si>
  <si>
    <t>signal recognition particle 9 [Source:HGNC Symbol;Acc:HGNC:11304]</t>
  </si>
  <si>
    <t>ENSG00000181163</t>
  </si>
  <si>
    <t>NPM1</t>
  </si>
  <si>
    <t>nucleophosmin [Source:HGNC Symbol;Acc:HGNC:7910]</t>
  </si>
  <si>
    <t>ENSG00000274523</t>
  </si>
  <si>
    <t>RCC1L</t>
  </si>
  <si>
    <t>RCC1 like [Source:HGNC Symbol;Acc:HGNC:14948]</t>
  </si>
  <si>
    <t>ENSG00000083520</t>
  </si>
  <si>
    <t>DIS3</t>
  </si>
  <si>
    <t>DIS3 homolog, exosome endoribonuclease and 3'-5' exoribonuclease [Source:HGNC Symbol;Acc:HGNC:20604]</t>
  </si>
  <si>
    <t>ENSG00000204348</t>
  </si>
  <si>
    <t>DXO</t>
  </si>
  <si>
    <t>decapping exoribonuclease [Source:HGNC Symbol;Acc:HGNC:2992]</t>
  </si>
  <si>
    <t>ENSG00000163684</t>
  </si>
  <si>
    <t>RPP14</t>
  </si>
  <si>
    <t>ribonuclease P/MRP subunit p14 [Source:HGNC Symbol;Acc:HGNC:30327]</t>
  </si>
  <si>
    <t>ENSG00000060138</t>
  </si>
  <si>
    <t>YBX3</t>
  </si>
  <si>
    <t>Y-box binding protein 3 [Source:HGNC Symbol;Acc:HGNC:2428]</t>
  </si>
  <si>
    <t>ENSG00000086232</t>
  </si>
  <si>
    <t>EIF2AK1</t>
  </si>
  <si>
    <t>eukaryotic translation initiation factor 2 alpha kinase 1 [Source:HGNC Symbol;Acc:HGNC:24921]</t>
  </si>
  <si>
    <t>ENSG00000187051</t>
  </si>
  <si>
    <t>RPS19BP1</t>
  </si>
  <si>
    <t>ribosomal protein S19 binding protein 1 [Source:HGNC Symbol;Acc:HGNC:28749]</t>
  </si>
  <si>
    <t>ENSG00000134627</t>
  </si>
  <si>
    <t>PIWIL4</t>
  </si>
  <si>
    <t>piwi like RNA-mediated gene silencing 4 [Source:HGNC Symbol;Acc:HGNC:18444]</t>
  </si>
  <si>
    <t>ENSG00000143321</t>
  </si>
  <si>
    <t>HDGF</t>
  </si>
  <si>
    <t>hepatoma-derived growth factor [Source:HGNC Symbol;Acc:HGNC:4856]</t>
  </si>
  <si>
    <t>ENSG00000144381</t>
  </si>
  <si>
    <t>HSPD1</t>
  </si>
  <si>
    <t>heat shock protein family D (Hsp60) member 1 [Source:HGNC Symbol;Acc:HGNC:5261]</t>
  </si>
  <si>
    <t>ENSG00000101138</t>
  </si>
  <si>
    <t>CSTF1</t>
  </si>
  <si>
    <t>cleavage stimulation factor subunit 1 [Source:HGNC Symbol;Acc:HGNC:2483]</t>
  </si>
  <si>
    <t>ENSG00000160752</t>
  </si>
  <si>
    <t>FDPS</t>
  </si>
  <si>
    <t>farnesyl diphosphate synthase [Source:HGNC Symbol;Acc:HGNC:3631]</t>
  </si>
  <si>
    <t>ENSG00000135900</t>
  </si>
  <si>
    <t>MRPL44</t>
  </si>
  <si>
    <t>mitochondrial ribosomal protein L44 [Source:HGNC Symbol;Acc:HGNC:16650]</t>
  </si>
  <si>
    <t>ENSG00000082515</t>
  </si>
  <si>
    <t>MRPL22</t>
  </si>
  <si>
    <t>mitochondrial ribosomal protein L22 [Source:HGNC Symbol;Acc:HGNC:14480]</t>
  </si>
  <si>
    <t>ENSG00000145912</t>
  </si>
  <si>
    <t>NHP2</t>
  </si>
  <si>
    <t>NHP2 ribonucleoprotein [Source:HGNC Symbol;Acc:HGNC:14377]</t>
  </si>
  <si>
    <t>ENSG00000100442</t>
  </si>
  <si>
    <t>FKBP3</t>
  </si>
  <si>
    <t>FK506 binding protein 3 [Source:HGNC Symbol;Acc:HGNC:3719]</t>
  </si>
  <si>
    <t>ENSG00000138398</t>
  </si>
  <si>
    <t>PPIG</t>
  </si>
  <si>
    <t>peptidylprolyl isomerase G [Source:HGNC Symbol;Acc:HGNC:14650]</t>
  </si>
  <si>
    <t>ENSG00000198700</t>
  </si>
  <si>
    <t>IPO9</t>
  </si>
  <si>
    <t>importin 9 [Source:HGNC Symbol;Acc:HGNC:19425]</t>
  </si>
  <si>
    <t>ENSG00000169871</t>
  </si>
  <si>
    <t>TRIM56</t>
  </si>
  <si>
    <t>tripartite motif containing 56 [Source:HGNC Symbol;Acc:HGNC:19028]</t>
  </si>
  <si>
    <t>ENSG00000261236</t>
  </si>
  <si>
    <t>23246 102465906</t>
  </si>
  <si>
    <t>BOP1</t>
  </si>
  <si>
    <t>block of proliferation 1 [Source:HGNC Symbol;Acc:HGNC:15519]</t>
  </si>
  <si>
    <t>ENSG00000112306</t>
  </si>
  <si>
    <t>RPS12</t>
  </si>
  <si>
    <t>ribosomal protein S12 [Source:HGNC Symbol;Acc:HGNC:10385]</t>
  </si>
  <si>
    <t>ENSG00000113643</t>
  </si>
  <si>
    <t>RARS</t>
  </si>
  <si>
    <t>arginyl-tRNA synthetase [Source:HGNC Symbol;Acc:HGNC:9870]</t>
  </si>
  <si>
    <t>ENSG00000113761</t>
  </si>
  <si>
    <t>ZNF346</t>
  </si>
  <si>
    <t>zinc finger protein 346 [Source:HGNC Symbol;Acc:HGNC:16403]</t>
  </si>
  <si>
    <t>ENSG00000108107</t>
  </si>
  <si>
    <t>6158 102465483</t>
  </si>
  <si>
    <t>RPL28</t>
  </si>
  <si>
    <t>ribosomal protein L28 [Source:HGNC Symbol;Acc:HGNC:10330]</t>
  </si>
  <si>
    <t>ENSG00000110060</t>
  </si>
  <si>
    <t>PUS3</t>
  </si>
  <si>
    <t>pseudouridylate synthase 3 [Source:HGNC Symbol;Acc:HGNC:25461]</t>
  </si>
  <si>
    <t>ENSG00000151247</t>
  </si>
  <si>
    <t>EIF4E</t>
  </si>
  <si>
    <t>eukaryotic translation initiation factor 4E [Source:HGNC Symbol;Acc:HGNC:3287]</t>
  </si>
  <si>
    <t>ENSG00000172922</t>
  </si>
  <si>
    <t>RNASEH2C</t>
  </si>
  <si>
    <t>ribonuclease H2 subunit C [Source:HGNC Symbol;Acc:HGNC:24116]</t>
  </si>
  <si>
    <t>ENSG00000164346</t>
  </si>
  <si>
    <t>NSA2</t>
  </si>
  <si>
    <t>NSA2, ribosome biogenesis homolog [Source:HGNC Symbol;Acc:HGNC:30728]</t>
  </si>
  <si>
    <t>ENSG00000136271</t>
  </si>
  <si>
    <t>DDX56</t>
  </si>
  <si>
    <t>DEAD-box helicase 56 [Source:HGNC Symbol;Acc:HGNC:18193]</t>
  </si>
  <si>
    <t>ENSG00000162076</t>
  </si>
  <si>
    <t>FLYWCH2</t>
  </si>
  <si>
    <t>FLYWCH family member 2 [Source:HGNC Symbol;Acc:HGNC:25178]</t>
  </si>
  <si>
    <t>ENSG00000082898</t>
  </si>
  <si>
    <t>XPO1</t>
  </si>
  <si>
    <t>exportin 1 [Source:HGNC Symbol;Acc:HGNC:12825]</t>
  </si>
  <si>
    <t>ENSG00000171262</t>
  </si>
  <si>
    <t>FAM98B</t>
  </si>
  <si>
    <t>family with sequence similarity 98 member B [Source:HGNC Symbol;Acc:HGNC:26773]</t>
  </si>
  <si>
    <t>ENSG00000068394</t>
  </si>
  <si>
    <t>GPKOW</t>
  </si>
  <si>
    <t>G-patch domain and KOW motifs [Source:HGNC Symbol;Acc:HGNC:30677]</t>
  </si>
  <si>
    <t>ENSG00000141759</t>
  </si>
  <si>
    <t>TXNL4A</t>
  </si>
  <si>
    <t>thioredoxin like 4A [Source:HGNC Symbol;Acc:HGNC:30551]</t>
  </si>
  <si>
    <t>ENSG00000117614</t>
  </si>
  <si>
    <t>SYF2</t>
  </si>
  <si>
    <t>SYF2 pre-mRNA splicing factor [Source:HGNC Symbol;Acc:HGNC:19824]</t>
  </si>
  <si>
    <t>ENSG00000004534</t>
  </si>
  <si>
    <t>RBM6</t>
  </si>
  <si>
    <t>RNA binding motif protein 6 [Source:HGNC Symbol;Acc:HGNC:9903]</t>
  </si>
  <si>
    <t>ENSG00000136810</t>
  </si>
  <si>
    <t>TXN</t>
  </si>
  <si>
    <t>thioredoxin [Source:HGNC Symbol;Acc:HGNC:12435]</t>
  </si>
  <si>
    <t>ENSG00000131503</t>
  </si>
  <si>
    <t>ANKHD1</t>
  </si>
  <si>
    <t>ankyrin repeat and KH domain containing 1 [Source:HGNC Symbol;Acc:HGNC:24714]</t>
  </si>
  <si>
    <t>ENSG00000265681</t>
  </si>
  <si>
    <t>RPL17</t>
  </si>
  <si>
    <t>ribosomal protein L17 [Source:HGNC Symbol;Acc:HGNC:10307]</t>
  </si>
  <si>
    <t>ENSG00000164896</t>
  </si>
  <si>
    <t>FASTK</t>
  </si>
  <si>
    <t>Fas activated serine/threonine kinase [Source:HGNC Symbol;Acc:HGNC:24676]</t>
  </si>
  <si>
    <t>ENSG00000177613</t>
  </si>
  <si>
    <t>CSTF2T</t>
  </si>
  <si>
    <t>cleavage stimulation factor subunit 2, tau variant [Source:HGNC Symbol;Acc:HGNC:17086]</t>
  </si>
  <si>
    <t>ENSG00000148690</t>
  </si>
  <si>
    <t>FRA10AC1</t>
  </si>
  <si>
    <t>fragile site, folic acid type, rare, fra(10)(q23.3) or fra(10)(q24.2) candidate 1 [Source:HGNC Symbol;Acc:HGNC:1162]</t>
  </si>
  <si>
    <t>ENSG00000162775</t>
  </si>
  <si>
    <t>RBM15</t>
  </si>
  <si>
    <t>RNA binding motif protein 15 [Source:HGNC Symbol;Acc:HGNC:14959]</t>
  </si>
  <si>
    <t>ENSG00000089195</t>
  </si>
  <si>
    <t>TRMT6</t>
  </si>
  <si>
    <t>tRNA methyltransferase 6 [Source:HGNC Symbol;Acc:HGNC:20900]</t>
  </si>
  <si>
    <t>ENSG00000138029</t>
  </si>
  <si>
    <t>HADHB</t>
  </si>
  <si>
    <t>hydroxyacyl-CoA dehydrogenase/3-ketoacyl-CoA thiolase/enoyl-CoA hydratase (trifunctional protein), beta subunit [Source:HGNC Symbol;Acc:HGNC:4803]</t>
  </si>
  <si>
    <t>ENSG00000111880</t>
  </si>
  <si>
    <t>RNGTT</t>
  </si>
  <si>
    <t>RNA guanylyltransferase and 5'-phosphatase [Source:HGNC Symbol;Acc:HGNC:10073]</t>
  </si>
  <si>
    <t>ENSG00000086189</t>
  </si>
  <si>
    <t>DIMT1</t>
  </si>
  <si>
    <t>DIM1 dimethyladenosine transferase 1 homolog [Source:HGNC Symbol;Acc:HGNC:30217]</t>
  </si>
  <si>
    <t>ENSG00000125835</t>
  </si>
  <si>
    <t>SNRPB</t>
  </si>
  <si>
    <t>small nuclear ribonucleoprotein polypeptides B and B1 [Source:HGNC Symbol;Acc:HGNC:11153]</t>
  </si>
  <si>
    <t>ENSG00000177733</t>
  </si>
  <si>
    <t>HNRNPA0</t>
  </si>
  <si>
    <t>heterogeneous nuclear ribonucleoprotein A0 [Source:HGNC Symbol;Acc:HGNC:5030]</t>
  </si>
  <si>
    <t>ENSG00000178982</t>
  </si>
  <si>
    <t>EIF3K</t>
  </si>
  <si>
    <t>eukaryotic translation initiation factor 3 subunit K [Source:HGNC Symbol;Acc:HGNC:24656]</t>
  </si>
  <si>
    <t>ENSG00000157036</t>
  </si>
  <si>
    <t>EXOG</t>
  </si>
  <si>
    <t>endo/exonuclease (5'-3'), endonuclease G-like [Source:HGNC Symbol;Acc:HGNC:3347]</t>
  </si>
  <si>
    <t>ENSG00000141101</t>
  </si>
  <si>
    <t>NOB1</t>
  </si>
  <si>
    <t>NIN1/PSMD8 binding protein 1 homolog [Source:HGNC Symbol;Acc:HGNC:29540]</t>
  </si>
  <si>
    <t>ENSG00000100353</t>
  </si>
  <si>
    <t>EIF3D</t>
  </si>
  <si>
    <t>eukaryotic translation initiation factor 3 subunit D [Source:HGNC Symbol;Acc:HGNC:3278]</t>
  </si>
  <si>
    <t>ENSG00000180098</t>
  </si>
  <si>
    <t>TRNAU1AP</t>
  </si>
  <si>
    <t>tRNA selenocysteine 1 associated protein 1 [Source:HGNC Symbol;Acc:HGNC:30813]</t>
  </si>
  <si>
    <t>ENSG00000196363</t>
  </si>
  <si>
    <t>WDR5</t>
  </si>
  <si>
    <t>WD repeat domain 5 [Source:HGNC Symbol;Acc:HGNC:12757]</t>
  </si>
  <si>
    <t>ENSG00000170889</t>
  </si>
  <si>
    <t>RPS9</t>
  </si>
  <si>
    <t>ribosomal protein S9 [Source:HGNC Symbol;Acc:HGNC:10442]</t>
  </si>
  <si>
    <t>ENSG00000014164</t>
  </si>
  <si>
    <t>ZC3H3</t>
  </si>
  <si>
    <t>zinc finger CCCH-type containing 3 [Source:HGNC Symbol;Acc:HGNC:28972]</t>
  </si>
  <si>
    <t>ENSG00000198265</t>
  </si>
  <si>
    <t>HELZ</t>
  </si>
  <si>
    <t>helicase with zinc finger [Source:HGNC Symbol;Acc:HGNC:16878]</t>
  </si>
  <si>
    <t>ENSG00000177971</t>
  </si>
  <si>
    <t>IMP3</t>
  </si>
  <si>
    <t>IMP3, U3 small nucleolar ribonucleoprotein [Source:HGNC Symbol;Acc:HGNC:14497]</t>
  </si>
  <si>
    <t>ENSG00000114391</t>
  </si>
  <si>
    <t>RPL24</t>
  </si>
  <si>
    <t>ribosomal protein L24 [Source:HGNC Symbol;Acc:HGNC:10325]</t>
  </si>
  <si>
    <t>ENSG00000152332</t>
  </si>
  <si>
    <t>UHMK1</t>
  </si>
  <si>
    <t>U2AF homology motif (UHM) kinase 1 [Source:HGNC Symbol;Acc:HGNC:19683]</t>
  </si>
  <si>
    <t>ENSG00000113742</t>
  </si>
  <si>
    <t>CPEB4</t>
  </si>
  <si>
    <t>cytoplasmic polyadenylation element binding protein 4 [Source:HGNC Symbol;Acc:HGNC:21747]</t>
  </si>
  <si>
    <t>ENSG00000106305</t>
  </si>
  <si>
    <t>AIMP2</t>
  </si>
  <si>
    <t>aminoacyl tRNA synthetase complex interacting multifunctional protein 2 [Source:HGNC Symbol;Acc:HGNC:20609]</t>
  </si>
  <si>
    <t>ENSG00000108826</t>
  </si>
  <si>
    <t>MRPL27</t>
  </si>
  <si>
    <t>mitochondrial ribosomal protein L27 [Source:HGNC Symbol;Acc:HGNC:14483]</t>
  </si>
  <si>
    <t>ENSG00000043514</t>
  </si>
  <si>
    <t>TRIT1</t>
  </si>
  <si>
    <t>tRNA isopentenyltransferase 1 [Source:HGNC Symbol;Acc:HGNC:20286]</t>
  </si>
  <si>
    <t>ENSG00000116221</t>
  </si>
  <si>
    <t>MRPL37</t>
  </si>
  <si>
    <t>mitochondrial ribosomal protein L37 [Source:HGNC Symbol;Acc:HGNC:14034]</t>
  </si>
  <si>
    <t>ENSG00000101888</t>
  </si>
  <si>
    <t>NXT2</t>
  </si>
  <si>
    <t>nuclear transport factor 2 like export factor 2 [Source:HGNC Symbol;Acc:HGNC:18151]</t>
  </si>
  <si>
    <t>ENSG00000135972</t>
  </si>
  <si>
    <t>MRPS9</t>
  </si>
  <si>
    <t>mitochondrial ribosomal protein S9 [Source:HGNC Symbol;Acc:HGNC:14501]</t>
  </si>
  <si>
    <t>ENSG00000092847</t>
  </si>
  <si>
    <t>AGO1</t>
  </si>
  <si>
    <t>argonaute 1, RISC catalytic component [Source:HGNC Symbol;Acc:HGNC:3262]</t>
  </si>
  <si>
    <t>ENSG00000140829</t>
  </si>
  <si>
    <t>DHX38</t>
  </si>
  <si>
    <t>DEAH-box helicase 38 [Source:HGNC Symbol;Acc:HGNC:17211]</t>
  </si>
  <si>
    <t>ENSG00000160633</t>
  </si>
  <si>
    <t>SAFB</t>
  </si>
  <si>
    <t>scaffold attachment factor B [Source:HGNC Symbol;Acc:HGNC:10520]</t>
  </si>
  <si>
    <t>ENSG00000114784</t>
  </si>
  <si>
    <t>EIF1B</t>
  </si>
  <si>
    <t>eukaryotic translation initiation factor 1B [Source:HGNC Symbol;Acc:HGNC:30792]</t>
  </si>
  <si>
    <t>ENSG00000053372</t>
  </si>
  <si>
    <t>MRTO4</t>
  </si>
  <si>
    <t>MRT4 homolog, ribosome maturation factor [Source:HGNC Symbol;Acc:HGNC:18477]</t>
  </si>
  <si>
    <t>ENSG00000104872</t>
  </si>
  <si>
    <t>PIH1D1</t>
  </si>
  <si>
    <t>PIH1 domain containing 1 [Source:HGNC Symbol;Acc:HGNC:26075]</t>
  </si>
  <si>
    <t>ENSG00000143303</t>
  </si>
  <si>
    <t>RRNAD1</t>
  </si>
  <si>
    <t>ribosomal RNA adenine dimethylase domain containing 1 [Source:HGNC Symbol;Acc:HGNC:24273]</t>
  </si>
  <si>
    <t>ENSG00000089048</t>
  </si>
  <si>
    <t>ESF1</t>
  </si>
  <si>
    <t>ESF1 nucleolar pre-rRNA processing protein homolog [Source:HGNC Symbol;Acc:HGNC:15898]</t>
  </si>
  <si>
    <t>ENSG00000116120</t>
  </si>
  <si>
    <t>FARSB</t>
  </si>
  <si>
    <t>phenylalanyl-tRNA synthetase beta subunit [Source:HGNC Symbol;Acc:HGNC:17800]</t>
  </si>
  <si>
    <t>ENSG00000143436</t>
  </si>
  <si>
    <t>MRPL9</t>
  </si>
  <si>
    <t>mitochondrial ribosomal protein L9 [Source:HGNC Symbol;Acc:HGNC:14277]</t>
  </si>
  <si>
    <t>ENSG00000037241</t>
  </si>
  <si>
    <t>RPL26L1</t>
  </si>
  <si>
    <t>ribosomal protein L26 like 1 [Source:HGNC Symbol;Acc:HGNC:17050]</t>
  </si>
  <si>
    <t>ENSG00000071894</t>
  </si>
  <si>
    <t>29894 100126351 100302196 102466749</t>
  </si>
  <si>
    <t>CPSF1</t>
  </si>
  <si>
    <t>cleavage and polyadenylation specific factor 1 [Source:HGNC Symbol;Acc:HGNC:2324]</t>
  </si>
  <si>
    <t>ENSG00000197157</t>
  </si>
  <si>
    <t>SND1</t>
  </si>
  <si>
    <t>staphylococcal nuclease and tudor domain containing 1 [Source:HGNC Symbol;Acc:HGNC:30646]</t>
  </si>
  <si>
    <t>ENSG00000149016</t>
  </si>
  <si>
    <t>TUT1</t>
  </si>
  <si>
    <t>terminal uridylyl transferase 1, U6 snRNA-specific [Source:HGNC Symbol;Acc:HGNC:26184]</t>
  </si>
  <si>
    <t>ENSG00000136937</t>
  </si>
  <si>
    <t>NCBP1</t>
  </si>
  <si>
    <t>nuclear cap binding protein subunit 1 [Source:HGNC Symbol;Acc:HGNC:7658]</t>
  </si>
  <si>
    <t>ENSG00000168002</t>
  </si>
  <si>
    <t>POLR2G</t>
  </si>
  <si>
    <t>RNA polymerase II subunit G [Source:HGNC Symbol;Acc:HGNC:9194]</t>
  </si>
  <si>
    <t>ENSG00000114867</t>
  </si>
  <si>
    <t>EIF4G1</t>
  </si>
  <si>
    <t>eukaryotic translation initiation factor 4 gamma 1 [Source:HGNC Symbol;Acc:HGNC:3296]</t>
  </si>
  <si>
    <t>ENSG00000135486</t>
  </si>
  <si>
    <t>HNRNPA1</t>
  </si>
  <si>
    <t>heterogeneous nuclear ribonucleoprotein A1 [Source:HGNC Symbol;Acc:HGNC:5031]</t>
  </si>
  <si>
    <t>ENSG00000172409</t>
  </si>
  <si>
    <t>CLP1</t>
  </si>
  <si>
    <t>cleavage and polyadenylation factor I subunit 1 [Source:HGNC Symbol;Acc:HGNC:16999]</t>
  </si>
  <si>
    <t>ENSG00000198755</t>
  </si>
  <si>
    <t>RPL10A</t>
  </si>
  <si>
    <t>ribosomal protein L10a [Source:HGNC Symbol;Acc:HGNC:10299]</t>
  </si>
  <si>
    <t>ENSG00000126814</t>
  </si>
  <si>
    <t>TRMT5</t>
  </si>
  <si>
    <t>tRNA methyltransferase 5 [Source:HGNC Symbol;Acc:HGNC:23141]</t>
  </si>
  <si>
    <t>ENSG00000100650</t>
  </si>
  <si>
    <t>SRSF5</t>
  </si>
  <si>
    <t>serine and arginine rich splicing factor 5 [Source:HGNC Symbol;Acc:HGNC:10787]</t>
  </si>
  <si>
    <t>ENSG00000140319</t>
  </si>
  <si>
    <t>SRP14</t>
  </si>
  <si>
    <t>signal recognition particle 14 [Source:HGNC Symbol;Acc:HGNC:11299]</t>
  </si>
  <si>
    <t>ENSG00000129245</t>
  </si>
  <si>
    <t>FXR2</t>
  </si>
  <si>
    <t>FMR1 autosomal homolog 2 [Source:HGNC Symbol;Acc:HGNC:4024]</t>
  </si>
  <si>
    <t>ENSG00000196449</t>
  </si>
  <si>
    <t>YRDC</t>
  </si>
  <si>
    <t>yrdC N6-threonylcarbamoyltransferase domain containing [Source:HGNC Symbol;Acc:HGNC:28905]</t>
  </si>
  <si>
    <t>ENSG00000257103</t>
  </si>
  <si>
    <t>LSM14A</t>
  </si>
  <si>
    <t>LSM14A, mRNA processing body assembly factor [Source:HGNC Symbol;Acc:HGNC:24489]</t>
  </si>
  <si>
    <t>ENSG00000162851</t>
  </si>
  <si>
    <t>TFB2M</t>
  </si>
  <si>
    <t>transcription factor B2, mitochondrial [Source:HGNC Symbol;Acc:HGNC:18559]</t>
  </si>
  <si>
    <t>ENSG00000088247</t>
  </si>
  <si>
    <t>8570 100500888</t>
  </si>
  <si>
    <t>KHSRP</t>
  </si>
  <si>
    <t>KH-type splicing regulatory protein [Source:HGNC Symbol;Acc:HGNC:6316]</t>
  </si>
  <si>
    <t>ENSG00000083312</t>
  </si>
  <si>
    <t>TNPO1</t>
  </si>
  <si>
    <t>transportin 1 [Source:HGNC Symbol;Acc:HGNC:6401]</t>
  </si>
  <si>
    <t>ENSG00000182872</t>
  </si>
  <si>
    <t>RBM10</t>
  </si>
  <si>
    <t>RNA binding motif protein 10 [Source:HGNC Symbol;Acc:HGNC:9896]</t>
  </si>
  <si>
    <t>ENSG00000155438</t>
  </si>
  <si>
    <t>NIFK</t>
  </si>
  <si>
    <t>nucleolar protein interacting with the FHA domain of MKI67 [Source:HGNC Symbol;Acc:HGNC:17838]</t>
  </si>
  <si>
    <t>ENSG00000173812</t>
  </si>
  <si>
    <t>EIF1</t>
  </si>
  <si>
    <t>eukaryotic translation initiation factor 1 [Source:HGNC Symbol;Acc:HGNC:3249]</t>
  </si>
  <si>
    <t>ENSG00000075914</t>
  </si>
  <si>
    <t>EXOSC7</t>
  </si>
  <si>
    <t>exosome component 7 [Source:HGNC Symbol;Acc:HGNC:28112]</t>
  </si>
  <si>
    <t>ENSG00000103994</t>
  </si>
  <si>
    <t>ZNF106</t>
  </si>
  <si>
    <t>zinc finger protein 106 [Source:HGNC Symbol;Acc:HGNC:12886]</t>
  </si>
  <si>
    <t>ENSG00000138231</t>
  </si>
  <si>
    <t>DBR1</t>
  </si>
  <si>
    <t>debranching RNA lariats 1 [Source:HGNC Symbol;Acc:HGNC:15594]</t>
  </si>
  <si>
    <t>ENSG00000148840</t>
  </si>
  <si>
    <t>PPRC1</t>
  </si>
  <si>
    <t>peroxisome proliferator-activated receptor gamma, coactivator-related 1 [Source:HGNC Symbol;Acc:HGNC:30025]</t>
  </si>
  <si>
    <t>ENSG00000076043</t>
  </si>
  <si>
    <t>REXO2</t>
  </si>
  <si>
    <t>RNA exonuclease 2 [Source:HGNC Symbol;Acc:HGNC:17851]</t>
  </si>
  <si>
    <t>ENSG00000168517</t>
  </si>
  <si>
    <t>HEXIM2</t>
  </si>
  <si>
    <t>hexamethylene bisacetamide inducible 2 [Source:HGNC Symbol;Acc:HGNC:28591]</t>
  </si>
  <si>
    <t>ENSG00000178691</t>
  </si>
  <si>
    <t>SUZ12</t>
  </si>
  <si>
    <t>SUZ12 polycomb repressive complex 2 subunit [Source:HGNC Symbol;Acc:HGNC:17101]</t>
  </si>
  <si>
    <t>ENSG00000135372</t>
  </si>
  <si>
    <t>NAT10</t>
  </si>
  <si>
    <t>N-acetyltransferase 10 [Source:HGNC Symbol;Acc:HGNC:29830]</t>
  </si>
  <si>
    <t>ENSG00000141994</t>
  </si>
  <si>
    <t>DUS3L</t>
  </si>
  <si>
    <t>dihydrouridine synthase 3 like [Source:HGNC Symbol;Acc:HGNC:26920]</t>
  </si>
  <si>
    <t>ENSG00000183520</t>
  </si>
  <si>
    <t>UTP11</t>
  </si>
  <si>
    <t>UTP11, small subunit processome component homolog (S. cerevisiae) [Source:HGNC Symbol;Acc:HGNC:24329]</t>
  </si>
  <si>
    <t>ENSG00000084092</t>
  </si>
  <si>
    <t>NOA1</t>
  </si>
  <si>
    <t>nitric oxide associated 1 [Source:HGNC Symbol;Acc:HGNC:28473]</t>
  </si>
  <si>
    <t>ENSG00000111911</t>
  </si>
  <si>
    <t>HINT3</t>
  </si>
  <si>
    <t>histidine triad nucleotide binding protein 3 [Source:HGNC Symbol;Acc:HGNC:18468]</t>
  </si>
  <si>
    <t>ENSG00000165629</t>
  </si>
  <si>
    <t>ATP5C1</t>
  </si>
  <si>
    <t>ATP synthase, H+ transporting, mitochondrial F1 complex, gamma polypeptide 1 [Source:HGNC Symbol;Acc:HGNC:833]</t>
  </si>
  <si>
    <t>ENSG00000170365</t>
  </si>
  <si>
    <t>SMAD1</t>
  </si>
  <si>
    <t>SMAD family member 1 [Source:HGNC Symbol;Acc:HGNC:6767]</t>
  </si>
  <si>
    <t>ENSG00000171858</t>
  </si>
  <si>
    <t>RPS21</t>
  </si>
  <si>
    <t>ribosomal protein S21 [Source:HGNC Symbol;Acc:HGNC:10409]</t>
  </si>
  <si>
    <t>ENSG00000104613</t>
  </si>
  <si>
    <t>INTS10</t>
  </si>
  <si>
    <t>integrator complex subunit 10 [Source:HGNC Symbol;Acc:HGNC:25548]</t>
  </si>
  <si>
    <t>ENSG00000274585</t>
  </si>
  <si>
    <t>RNU2-1</t>
  </si>
  <si>
    <t>RNA, U2 small nuclear 1 [Source:HGNC Symbol;Acc:HGNC:10142]</t>
  </si>
  <si>
    <t>ENSG00000103550</t>
  </si>
  <si>
    <t>KNOP1</t>
  </si>
  <si>
    <t>lysine rich nucleolar protein 1 [Source:HGNC Symbol;Acc:HGNC:34404]</t>
  </si>
  <si>
    <t>ENSG00000164902</t>
  </si>
  <si>
    <t>PHAX</t>
  </si>
  <si>
    <t>phosphorylated adaptor for RNA export [Source:HGNC Symbol;Acc:HGNC:10241]</t>
  </si>
  <si>
    <t>ENSG00000100226</t>
  </si>
  <si>
    <t>GTPBP1</t>
  </si>
  <si>
    <t>GTP binding protein 1 [Source:HGNC Symbol;Acc:HGNC:4669]</t>
  </si>
  <si>
    <t>ENSG00000163877</t>
  </si>
  <si>
    <t>SNIP1</t>
  </si>
  <si>
    <t>Smad nuclear interacting protein 1 [Source:HGNC Symbol;Acc:HGNC:30587]</t>
  </si>
  <si>
    <t>ENSG00000119705</t>
  </si>
  <si>
    <t>SLIRP</t>
  </si>
  <si>
    <t>SRA stem-loop interacting RNA binding protein [Source:HGNC Symbol;Acc:HGNC:20495]</t>
  </si>
  <si>
    <t>ENSG00000187959</t>
  </si>
  <si>
    <t>CPSF4L</t>
  </si>
  <si>
    <t>cleavage and polyadenylation specific factor 4 like [Source:HGNC Symbol;Acc:HGNC:33632]</t>
  </si>
  <si>
    <t>ENSG00000162231</t>
  </si>
  <si>
    <t>NXF1</t>
  </si>
  <si>
    <t>nuclear RNA export factor 1 [Source:HGNC Symbol;Acc:HGNC:8071]</t>
  </si>
  <si>
    <t>ENSG00000137818</t>
  </si>
  <si>
    <t>RPLP1</t>
  </si>
  <si>
    <t>ribosomal protein lateral stalk subunit P1 [Source:HGNC Symbol;Acc:HGNC:10372]</t>
  </si>
  <si>
    <t>ENSG00000005302</t>
  </si>
  <si>
    <t>MSL3</t>
  </si>
  <si>
    <t>male-specific lethal 3 homolog (Drosophila) [Source:HGNC Symbol;Acc:HGNC:7370]</t>
  </si>
  <si>
    <t>ENSG00000128311</t>
  </si>
  <si>
    <t>TST</t>
  </si>
  <si>
    <t>thiosulfate sulfurtransferase [Source:HGNC Symbol;Acc:HGNC:12388]</t>
  </si>
  <si>
    <t>ENSG00000149262</t>
  </si>
  <si>
    <t>INTS4</t>
  </si>
  <si>
    <t>integrator complex subunit 4 [Source:HGNC Symbol;Acc:HGNC:25048]</t>
  </si>
  <si>
    <t>ENSG00000214753</t>
  </si>
  <si>
    <t>HNRNPUL2</t>
  </si>
  <si>
    <t>heterogeneous nuclear ribonucleoprotein U like 2 [Source:HGNC Symbol;Acc:HGNC:25451]</t>
  </si>
  <si>
    <t>ENSG00000183751</t>
  </si>
  <si>
    <t>TBL3</t>
  </si>
  <si>
    <t>transducin beta like 3 [Source:HGNC Symbol;Acc:HGNC:11587]</t>
  </si>
  <si>
    <t>ENSG00000266472</t>
  </si>
  <si>
    <t>MRPS21</t>
  </si>
  <si>
    <t>mitochondrial ribosomal protein S21 [Source:HGNC Symbol;Acc:HGNC:14046]</t>
  </si>
  <si>
    <t>ENSG00000137710</t>
  </si>
  <si>
    <t>RDX</t>
  </si>
  <si>
    <t>radixin [Source:HGNC Symbol;Acc:HGNC:9944]</t>
  </si>
  <si>
    <t>ENSG00000188739</t>
  </si>
  <si>
    <t>RBM34</t>
  </si>
  <si>
    <t>RNA binding motif protein 34 [Source:HGNC Symbol;Acc:HGNC:28965]</t>
  </si>
  <si>
    <t>ENSG00000239789</t>
  </si>
  <si>
    <t>MRPS17</t>
  </si>
  <si>
    <t>mitochondrial ribosomal protein S17 [Source:HGNC Symbol;Acc:HGNC:14047]</t>
  </si>
  <si>
    <t>ENSG00000046647</t>
  </si>
  <si>
    <t>GEMIN8</t>
  </si>
  <si>
    <t>gem nuclear organelle associated protein 8 [Source:HGNC Symbol;Acc:HGNC:26044]</t>
  </si>
  <si>
    <t>ENSG00000219200</t>
  </si>
  <si>
    <t>RNASEK</t>
  </si>
  <si>
    <t>ribonuclease K [Source:HGNC Symbol;Acc:HGNC:33911]</t>
  </si>
  <si>
    <t>ENSG00000106028</t>
  </si>
  <si>
    <t>SSBP1</t>
  </si>
  <si>
    <t>single stranded DNA binding protein 1 [Source:HGNC Symbol;Acc:HGNC:11317]</t>
  </si>
  <si>
    <t>ENSG00000163634</t>
  </si>
  <si>
    <t>THOC7</t>
  </si>
  <si>
    <t>THO complex 7 [Source:HGNC Symbol;Acc:HGNC:29874]</t>
  </si>
  <si>
    <t>ENSG00000178607</t>
  </si>
  <si>
    <t>ERN1</t>
  </si>
  <si>
    <t>endoplasmic reticulum to nucleus signaling 1 [Source:HGNC Symbol;Acc:HGNC:3449]</t>
  </si>
  <si>
    <t>ENSG00000102309</t>
  </si>
  <si>
    <t>PIN4</t>
  </si>
  <si>
    <t>peptidylprolyl cis/trans isomerase, NIMA-interacting 4 [Source:HGNC Symbol;Acc:HGNC:8992]</t>
  </si>
  <si>
    <t>ENSG00000218891</t>
  </si>
  <si>
    <t>ZNF579</t>
  </si>
  <si>
    <t>zinc finger protein 579 [Source:HGNC Symbol;Acc:HGNC:26646]</t>
  </si>
  <si>
    <t>ENSG00000242485</t>
  </si>
  <si>
    <t>MRPL20</t>
  </si>
  <si>
    <t>mitochondrial ribosomal protein L20 [Source:HGNC Symbol;Acc:HGNC:14478]</t>
  </si>
  <si>
    <t>ENSG00000166197</t>
  </si>
  <si>
    <t>NOLC1</t>
  </si>
  <si>
    <t>nucleolar and coiled-body phosphoprotein 1 [Source:HGNC Symbol;Acc:HGNC:15608]</t>
  </si>
  <si>
    <t>ENSG00000145414</t>
  </si>
  <si>
    <t>NAF1</t>
  </si>
  <si>
    <t>nuclear assembly factor 1 ribonucleoprotein [Source:HGNC Symbol;Acc:HGNC:25126]</t>
  </si>
  <si>
    <t>ENSG00000183617</t>
  </si>
  <si>
    <t>MRPL54</t>
  </si>
  <si>
    <t>mitochondrial ribosomal protein L54 [Source:HGNC Symbol;Acc:HGNC:16685]</t>
  </si>
  <si>
    <t>ENSG00000135314</t>
  </si>
  <si>
    <t>KHDC1</t>
  </si>
  <si>
    <t>KH homology domain containing 1 [Source:HGNC Symbol;Acc:HGNC:21366]</t>
  </si>
  <si>
    <t>ENSG00000204574</t>
  </si>
  <si>
    <t>ABCF1</t>
  </si>
  <si>
    <t>ATP binding cassette subfamily F member 1 [Source:HGNC Symbol;Acc:HGNC:70]</t>
  </si>
  <si>
    <t>ENSG00000197728</t>
  </si>
  <si>
    <t>6231 101929876</t>
  </si>
  <si>
    <t>RPS26</t>
  </si>
  <si>
    <t>ribosomal protein S26 [Source:HGNC Symbol;Acc:HGNC:10414]</t>
  </si>
  <si>
    <t>ENSG00000130764</t>
  </si>
  <si>
    <t>LRRC47</t>
  </si>
  <si>
    <t>leucine rich repeat containing 47 [Source:HGNC Symbol;Acc:HGNC:29207]</t>
  </si>
  <si>
    <t>ENSG00000105127</t>
  </si>
  <si>
    <t>AKAP8</t>
  </si>
  <si>
    <t>A-kinase anchoring protein 8 [Source:HGNC Symbol;Acc:HGNC:378]</t>
  </si>
  <si>
    <t>ENSG00000126945</t>
  </si>
  <si>
    <t>HNRNPH2</t>
  </si>
  <si>
    <t>heterogeneous nuclear ribonucleoprotein H2 (H') [Source:HGNC Symbol;Acc:HGNC:5042]</t>
  </si>
  <si>
    <t>ENSG00000149806</t>
  </si>
  <si>
    <t>FAU</t>
  </si>
  <si>
    <t>FAU, ubiquitin like and ribosomal protein S30 fusion [Source:HGNC Symbol;Acc:HGNC:3597]</t>
  </si>
  <si>
    <t>ENSG00000173113</t>
  </si>
  <si>
    <t>TRMT112</t>
  </si>
  <si>
    <t>tRNA methyltransferase 11-2 homolog (S. cerevisiae) [Source:HGNC Symbol;Acc:HGNC:26940]</t>
  </si>
  <si>
    <t>ENSG00000055950</t>
  </si>
  <si>
    <t>MRPL43</t>
  </si>
  <si>
    <t>mitochondrial ribosomal protein L43 [Source:HGNC Symbol;Acc:HGNC:14517]</t>
  </si>
  <si>
    <t>ENSG00000167136</t>
  </si>
  <si>
    <t>ENDOG</t>
  </si>
  <si>
    <t>endonuclease G [Source:HGNC Symbol;Acc:HGNC:3346]</t>
  </si>
  <si>
    <t>ENSG00000205323</t>
  </si>
  <si>
    <t>SARNP</t>
  </si>
  <si>
    <t>SAP domain containing ribonucleoprotein [Source:HGNC Symbol;Acc:HGNC:24432]</t>
  </si>
  <si>
    <t>ENSG00000184575</t>
  </si>
  <si>
    <t>XPOT</t>
  </si>
  <si>
    <t>exportin for tRNA [Source:HGNC Symbol;Acc:HGNC:12826]</t>
  </si>
  <si>
    <t>ENSG00000151461</t>
  </si>
  <si>
    <t>UPF2</t>
  </si>
  <si>
    <t>UPF2 regulator of nonsense transcripts homolog (yeast) [Source:HGNC Symbol;Acc:HGNC:17854]</t>
  </si>
  <si>
    <t>ENSG00000055044</t>
  </si>
  <si>
    <t>NOP58</t>
  </si>
  <si>
    <t>NOP58 ribonucleoprotein [Source:HGNC Symbol;Acc:HGNC:29926]</t>
  </si>
  <si>
    <t>ENSG00000128951</t>
  </si>
  <si>
    <t>DUT</t>
  </si>
  <si>
    <t>deoxyuridine triphosphatase [Source:HGNC Symbol;Acc:HGNC:3078]</t>
  </si>
  <si>
    <t>ENSG00000144029</t>
  </si>
  <si>
    <t>MRPS5</t>
  </si>
  <si>
    <t>mitochondrial ribosomal protein S5 [Source:HGNC Symbol;Acc:HGNC:14498]</t>
  </si>
  <si>
    <t>ENSG00000166173</t>
  </si>
  <si>
    <t>LARP6</t>
  </si>
  <si>
    <t>La ribonucleoprotein domain family member 6 [Source:HGNC Symbol;Acc:HGNC:24012]</t>
  </si>
  <si>
    <t>ENSG00000060688</t>
  </si>
  <si>
    <t>SNRNP40</t>
  </si>
  <si>
    <t>small nuclear ribonucleoprotein U5 subunit 40 [Source:HGNC Symbol;Acc:HGNC:30857]</t>
  </si>
  <si>
    <t>ENSG00000162623</t>
  </si>
  <si>
    <t>TYW3</t>
  </si>
  <si>
    <t>tRNA-yW synthesizing protein 3 homolog [Source:HGNC Symbol;Acc:HGNC:24757]</t>
  </si>
  <si>
    <t>ENSG00000105447</t>
  </si>
  <si>
    <t>GRWD1</t>
  </si>
  <si>
    <t>glutamate rich WD repeat containing 1 [Source:HGNC Symbol;Acc:HGNC:21270]</t>
  </si>
  <si>
    <t>ENSG00000168255</t>
  </si>
  <si>
    <t>POLR2J3</t>
  </si>
  <si>
    <t>RNA polymerase II subunit J3 [Source:HGNC Symbol;Acc:HGNC:33853]</t>
  </si>
  <si>
    <t>ENSG00000172336</t>
  </si>
  <si>
    <t>POP7</t>
  </si>
  <si>
    <t>POP7 homolog, ribonuclease P/MRP subunit [Source:HGNC Symbol;Acc:HGNC:19949]</t>
  </si>
  <si>
    <t>ENSG00000149657</t>
  </si>
  <si>
    <t>LSM14B</t>
  </si>
  <si>
    <t>LSM family member 14B [Source:HGNC Symbol;Acc:HGNC:15887]</t>
  </si>
  <si>
    <t>ENSG00000127804</t>
  </si>
  <si>
    <t>METTL16</t>
  </si>
  <si>
    <t>methyltransferase like 16 [Source:HGNC Symbol;Acc:HGNC:28484]</t>
  </si>
  <si>
    <t>ENSG00000130255</t>
  </si>
  <si>
    <t>RPL36</t>
  </si>
  <si>
    <t>ribosomal protein L36 [Source:HGNC Symbol;Acc:HGNC:13631]</t>
  </si>
  <si>
    <t>ENSG00000172795</t>
  </si>
  <si>
    <t>DCP2</t>
  </si>
  <si>
    <t>decapping mRNA 2 [Source:HGNC Symbol;Acc:HGNC:24452]</t>
  </si>
  <si>
    <t>ENSG00000150990</t>
  </si>
  <si>
    <t>DHX37</t>
  </si>
  <si>
    <t>DEAH-box helicase 37 [Source:HGNC Symbol;Acc:HGNC:17210]</t>
  </si>
  <si>
    <t>ENSG00000184708</t>
  </si>
  <si>
    <t>EIF4ENIF1</t>
  </si>
  <si>
    <t>eukaryotic translation initiation factor 4E nuclear import factor 1 [Source:HGNC Symbol;Acc:HGNC:16687]</t>
  </si>
  <si>
    <t>ENSG00000173575</t>
  </si>
  <si>
    <t>1106 100422995</t>
  </si>
  <si>
    <t>CHD2</t>
  </si>
  <si>
    <t>chromodomain helicase DNA binding protein 2 [Source:HGNC Symbol;Acc:HGNC:1917]</t>
  </si>
  <si>
    <t>ENSG00000051596</t>
  </si>
  <si>
    <t>THOC3</t>
  </si>
  <si>
    <t>THO complex 3 [Source:HGNC Symbol;Acc:HGNC:19072]</t>
  </si>
  <si>
    <t>ENSG00000187955</t>
  </si>
  <si>
    <t>COL14A1</t>
  </si>
  <si>
    <t>collagen type XIV alpha 1 chain [Source:HGNC Symbol;Acc:HGNC:2191]</t>
  </si>
  <si>
    <t>ENSG00000103067</t>
  </si>
  <si>
    <t>80004 102466194</t>
  </si>
  <si>
    <t>ESRP2</t>
  </si>
  <si>
    <t>epithelial splicing regulatory protein 2 [Source:HGNC Symbol;Acc:HGNC:26152]</t>
  </si>
  <si>
    <t>ENSG00000167721</t>
  </si>
  <si>
    <t>TSR1</t>
  </si>
  <si>
    <t>TSR1, ribosome maturation factor [Source:HGNC Symbol;Acc:HGNC:25542]</t>
  </si>
  <si>
    <t>ENSG00000108561</t>
  </si>
  <si>
    <t>C1QBP</t>
  </si>
  <si>
    <t>complement C1q binding protein [Source:HGNC Symbol;Acc:HGNC:1243]</t>
  </si>
  <si>
    <t>ENSG00000145982</t>
  </si>
  <si>
    <t>FARS2</t>
  </si>
  <si>
    <t>phenylalanyl-tRNA synthetase 2, mitochondrial [Source:HGNC Symbol;Acc:HGNC:21062]</t>
  </si>
  <si>
    <t>ENSG00000100403</t>
  </si>
  <si>
    <t>ZC3H7B</t>
  </si>
  <si>
    <t>zinc finger CCCH-type containing 7B [Source:HGNC Symbol;Acc:HGNC:30869]</t>
  </si>
  <si>
    <t>ENSG00000092208</t>
  </si>
  <si>
    <t>GEMIN2</t>
  </si>
  <si>
    <t>gem nuclear organelle associated protein 2 [Source:HGNC Symbol;Acc:HGNC:10884]</t>
  </si>
  <si>
    <t>ENSG00000118246</t>
  </si>
  <si>
    <t>FASTKD2</t>
  </si>
  <si>
    <t>FAST kinase domains 2 [Source:HGNC Symbol;Acc:HGNC:29160]</t>
  </si>
  <si>
    <t>ENSG00000185298</t>
  </si>
  <si>
    <t>CCDC137</t>
  </si>
  <si>
    <t>coiled-coil domain containing 137 [Source:HGNC Symbol;Acc:HGNC:33451]</t>
  </si>
  <si>
    <t>ENSG00000104679</t>
  </si>
  <si>
    <t>R3HCC1</t>
  </si>
  <si>
    <t>R3H domain and coiled-coil containing 1 [Source:HGNC Symbol;Acc:HGNC:27329]</t>
  </si>
  <si>
    <t>ENSG00000273559</t>
  </si>
  <si>
    <t>CWC25</t>
  </si>
  <si>
    <t>CWC25 spliceosome associated protein homolog [Source:HGNC Symbol;Acc:HGNC:25989]</t>
  </si>
  <si>
    <t>ENSG00000189266</t>
  </si>
  <si>
    <t>PNRC2</t>
  </si>
  <si>
    <t>proline rich nuclear receptor coactivator 2 [Source:HGNC Symbol;Acc:HGNC:23158]</t>
  </si>
  <si>
    <t>ENSG00000177700</t>
  </si>
  <si>
    <t>POLR2L</t>
  </si>
  <si>
    <t>RNA polymerase II subunit L [Source:HGNC Symbol;Acc:HGNC:9199]</t>
  </si>
  <si>
    <t>ENSG00000172062</t>
  </si>
  <si>
    <t>6606 6607</t>
  </si>
  <si>
    <t>SMN1</t>
  </si>
  <si>
    <t>survival of motor neuron 1, telomeric [Source:HGNC Symbol;Acc:HGNC:11117]</t>
  </si>
  <si>
    <t>ENSG00000115541</t>
  </si>
  <si>
    <t>HSPE1</t>
  </si>
  <si>
    <t>heat shock protein family E (Hsp10) member 1 [Source:HGNC Symbol;Acc:HGNC:5269]</t>
  </si>
  <si>
    <t>ENSG00000103549</t>
  </si>
  <si>
    <t>RNF40</t>
  </si>
  <si>
    <t>ring finger protein 40 [Source:HGNC Symbol;Acc:HGNC:16867]</t>
  </si>
  <si>
    <t>ENSG00000178209</t>
  </si>
  <si>
    <t>PLEC</t>
  </si>
  <si>
    <t>plectin [Source:HGNC Symbol;Acc:HGNC:9069]</t>
  </si>
  <si>
    <t>ENSG00000174177</t>
  </si>
  <si>
    <t>CTU2</t>
  </si>
  <si>
    <t>cytosolic thiouridylase subunit 2 [Source:HGNC Symbol;Acc:HGNC:28005]</t>
  </si>
  <si>
    <t>ENSG00000048991</t>
  </si>
  <si>
    <t>R3HDM1</t>
  </si>
  <si>
    <t>R3H domain containing 1 [Source:HGNC Symbol;Acc:HGNC:9757]</t>
  </si>
  <si>
    <t>ENSG00000186566</t>
  </si>
  <si>
    <t>GPATCH8</t>
  </si>
  <si>
    <t>G-patch domain containing 8 [Source:HGNC Symbol;Acc:HGNC:29066]</t>
  </si>
  <si>
    <t>ENSG00000155858</t>
  </si>
  <si>
    <t>LSM11</t>
  </si>
  <si>
    <t>LSM11, U7 small nuclear RNA associated [Source:HGNC Symbol;Acc:HGNC:30860]</t>
  </si>
  <si>
    <t>ENSG00000099995</t>
  </si>
  <si>
    <t>SF3A1</t>
  </si>
  <si>
    <t>splicing factor 3a subunit 1 [Source:HGNC Symbol;Acc:HGNC:10765]</t>
  </si>
  <si>
    <t>ENSG00000168275</t>
  </si>
  <si>
    <t>COA6</t>
  </si>
  <si>
    <t>cytochrome c oxidase assembly factor 6 [Source:HGNC Symbol;Acc:HGNC:18025]</t>
  </si>
  <si>
    <t>ENSG00000127054</t>
  </si>
  <si>
    <t>54973 102465435</t>
  </si>
  <si>
    <t>CPSF3L</t>
  </si>
  <si>
    <t>cleavage and polyadenylation specific factor 3-like [Source:HGNC Symbol;Acc:HGNC:26052]</t>
  </si>
  <si>
    <t>ENSG00000171311</t>
  </si>
  <si>
    <t>EXOSC1</t>
  </si>
  <si>
    <t>exosome component 1 [Source:HGNC Symbol;Acc:HGNC:17286]</t>
  </si>
  <si>
    <t>ENSG00000147130</t>
  </si>
  <si>
    <t>ZMYM3</t>
  </si>
  <si>
    <t>zinc finger MYM-type containing 3 [Source:HGNC Symbol;Acc:HGNC:13054]</t>
  </si>
  <si>
    <t>ENSG00000096746</t>
  </si>
  <si>
    <t>HNRNPH3</t>
  </si>
  <si>
    <t>heterogeneous nuclear ribonucleoprotein H3 [Source:HGNC Symbol;Acc:HGNC:5043]</t>
  </si>
  <si>
    <t>ENSG00000198919</t>
  </si>
  <si>
    <t>DZIP3</t>
  </si>
  <si>
    <t>DAZ interacting zinc finger protein 3 [Source:HGNC Symbol;Acc:HGNC:30938]</t>
  </si>
  <si>
    <t>ENSG00000146834</t>
  </si>
  <si>
    <t>MEPCE</t>
  </si>
  <si>
    <t>methylphosphate capping enzyme [Source:HGNC Symbol;Acc:HGNC:20247]</t>
  </si>
  <si>
    <t>ENSG00000123154</t>
  </si>
  <si>
    <t>WDR83</t>
  </si>
  <si>
    <t>WD repeat domain 83 [Source:HGNC Symbol;Acc:HGNC:32672]</t>
  </si>
  <si>
    <t>ENSG00000196419</t>
  </si>
  <si>
    <t>XRCC6</t>
  </si>
  <si>
    <t>X-ray repair cross complementing 6 [Source:HGNC Symbol;Acc:HGNC:4055]</t>
  </si>
  <si>
    <t>ENSG00000183684</t>
  </si>
  <si>
    <t>ALYREF</t>
  </si>
  <si>
    <t>Aly/REF export factor [Source:HGNC Symbol;Acc:HGNC:19071]</t>
  </si>
  <si>
    <t>ENSG00000100836</t>
  </si>
  <si>
    <t>PABPN1</t>
  </si>
  <si>
    <t>poly(A) binding protein nuclear 1 [Source:HGNC Symbol;Acc:HGNC:8565]</t>
  </si>
  <si>
    <t>ENSG00000156110</t>
  </si>
  <si>
    <t>ADK</t>
  </si>
  <si>
    <t>adenosine kinase [Source:HGNC Symbol;Acc:HGNC:257]</t>
  </si>
  <si>
    <t>ENSG00000116668</t>
  </si>
  <si>
    <t>SWT1</t>
  </si>
  <si>
    <t>SWT1, RNA endoribonuclease homolog [Source:HGNC Symbol;Acc:HGNC:16785]</t>
  </si>
  <si>
    <t>ENSG00000123297</t>
  </si>
  <si>
    <t>TSFM</t>
  </si>
  <si>
    <t>Ts translation elongation factor, mitochondrial [Source:HGNC Symbol;Acc:HGNC:12367]</t>
  </si>
  <si>
    <t>ENSG00000067048</t>
  </si>
  <si>
    <t>DDX3Y</t>
  </si>
  <si>
    <t>DEAD-box helicase 3, Y-linked [Source:HGNC Symbol;Acc:HGNC:2699]</t>
  </si>
  <si>
    <t>ENSG00000132394</t>
  </si>
  <si>
    <t>EEFSEC</t>
  </si>
  <si>
    <t>eukaryotic elongation factor, selenocysteine-tRNA specific [Source:HGNC Symbol;Acc:HGNC:24614]</t>
  </si>
  <si>
    <t>ENSG00000151014</t>
  </si>
  <si>
    <t>NOCT</t>
  </si>
  <si>
    <t>nocturnin [Source:HGNC Symbol;Acc:HGNC:14254]</t>
  </si>
  <si>
    <t>ENSG00000169217</t>
  </si>
  <si>
    <t>CD2BP2</t>
  </si>
  <si>
    <t>CD2 cytoplasmic tail binding protein 2 [Source:HGNC Symbol;Acc:HGNC:1656]</t>
  </si>
  <si>
    <t>ENSG00000109832</t>
  </si>
  <si>
    <t>DDX25</t>
  </si>
  <si>
    <t>DEAD-box helicase 25 [Source:HGNC Symbol;Acc:HGNC:18698]</t>
  </si>
  <si>
    <t>ENSG00000182774</t>
  </si>
  <si>
    <t>RPS17</t>
  </si>
  <si>
    <t>ribosomal protein S17 [Source:HGNC Symbol;Acc:HGNC:10397]</t>
  </si>
  <si>
    <t>ENSG00000198917</t>
  </si>
  <si>
    <t>SPOUT1</t>
  </si>
  <si>
    <t>SPOUT domain containing methyltransferase 1 [Source:HGNC Symbol;Acc:HGNC:26933]</t>
  </si>
  <si>
    <t>ENSG00000107371</t>
  </si>
  <si>
    <t>EXOSC3</t>
  </si>
  <si>
    <t>exosome component 3 [Source:HGNC Symbol;Acc:HGNC:17944]</t>
  </si>
  <si>
    <t>ENSG00000167526</t>
  </si>
  <si>
    <t>RPL13</t>
  </si>
  <si>
    <t>ribosomal protein L13 [Source:HGNC Symbol;Acc:HGNC:10303]</t>
  </si>
  <si>
    <t>ENSG00000164941</t>
  </si>
  <si>
    <t>INTS8</t>
  </si>
  <si>
    <t>integrator complex subunit 8 [Source:HGNC Symbol;Acc:HGNC:26048]</t>
  </si>
  <si>
    <t>ENSG00000105671</t>
  </si>
  <si>
    <t>DDX49</t>
  </si>
  <si>
    <t>DEAD-box helicase 49 [Source:HGNC Symbol;Acc:HGNC:18684]</t>
  </si>
  <si>
    <t>ENSG00000090621</t>
  </si>
  <si>
    <t>PABPC4</t>
  </si>
  <si>
    <t>poly(A) binding protein cytoplasmic 4 [Source:HGNC Symbol;Acc:HGNC:8557]</t>
  </si>
  <si>
    <t>ENSG00000079134</t>
  </si>
  <si>
    <t>THOC1</t>
  </si>
  <si>
    <t>THO complex 1 [Source:HGNC Symbol;Acc:HGNC:19070]</t>
  </si>
  <si>
    <t>ENSG00000122965</t>
  </si>
  <si>
    <t>RBM19</t>
  </si>
  <si>
    <t>RNA binding motif protein 19 [Source:HGNC Symbol;Acc:HGNC:29098]</t>
  </si>
  <si>
    <t>ENSG00000125743</t>
  </si>
  <si>
    <t>SNRPD2</t>
  </si>
  <si>
    <t>small nuclear ribonucleoprotein D2 polypeptide [Source:HGNC Symbol;Acc:HGNC:11159]</t>
  </si>
  <si>
    <t>ENSG00000170473</t>
  </si>
  <si>
    <t>PYM1</t>
  </si>
  <si>
    <t>PYM homolog 1, exon junction complex associated factor [Source:HGNC Symbol;Acc:HGNC:30258]</t>
  </si>
  <si>
    <t>ENSG00000140939</t>
  </si>
  <si>
    <t>NOL3</t>
  </si>
  <si>
    <t>nucleolar protein 3 [Source:HGNC Symbol;Acc:HGNC:7869]</t>
  </si>
  <si>
    <t>ENSG00000134597</t>
  </si>
  <si>
    <t>RBMX2</t>
  </si>
  <si>
    <t>RNA binding motif protein, X-linked 2 [Source:HGNC Symbol;Acc:HGNC:24282]</t>
  </si>
  <si>
    <t>ENSG00000109534</t>
  </si>
  <si>
    <t>GAR1</t>
  </si>
  <si>
    <t>GAR1 ribonucleoprotein [Source:HGNC Symbol;Acc:HGNC:14264]</t>
  </si>
  <si>
    <t>ENSG00000173230</t>
  </si>
  <si>
    <t>GOLGB1</t>
  </si>
  <si>
    <t>golgin B1 [Source:HGNC Symbol;Acc:HGNC:4429]</t>
  </si>
  <si>
    <t>ENSG00000135250</t>
  </si>
  <si>
    <t>SRPK2</t>
  </si>
  <si>
    <t>SRSF protein kinase 2 [Source:HGNC Symbol;Acc:HGNC:11306]</t>
  </si>
  <si>
    <t>ENSG00000172172</t>
  </si>
  <si>
    <t>MRPL13</t>
  </si>
  <si>
    <t>mitochondrial ribosomal protein L13 [Source:HGNC Symbol;Acc:HGNC:14278]</t>
  </si>
  <si>
    <t>ENSG00000012048</t>
  </si>
  <si>
    <t>BRCA1</t>
  </si>
  <si>
    <t>BRCA1, DNA repair associated [Source:HGNC Symbol;Acc:HGNC:1100]</t>
  </si>
  <si>
    <t>ENSG00000141642</t>
  </si>
  <si>
    <t>ELAC1</t>
  </si>
  <si>
    <t>elaC ribonuclease Z 1 [Source:HGNC Symbol;Acc:HGNC:14197]</t>
  </si>
  <si>
    <t>ENSG00000229117</t>
  </si>
  <si>
    <t>RPL41</t>
  </si>
  <si>
    <t>ribosomal protein L41 [Source:HGNC Symbol;Acc:HGNC:10354]</t>
  </si>
  <si>
    <t>ENSG00000132507</t>
  </si>
  <si>
    <t>EIF5A</t>
  </si>
  <si>
    <t>eukaryotic translation initiation factor 5A [Source:HGNC Symbol;Acc:HGNC:3300]</t>
  </si>
  <si>
    <t>ENSG00000106803</t>
  </si>
  <si>
    <t>SEC61B</t>
  </si>
  <si>
    <t>Sec61 translocon beta subunit [Source:HGNC Symbol;Acc:HGNC:16993]</t>
  </si>
  <si>
    <t>ENSG00000177954</t>
  </si>
  <si>
    <t>RPS27</t>
  </si>
  <si>
    <t>ribosomal protein S27 [Source:HGNC Symbol;Acc:HGNC:10416]</t>
  </si>
  <si>
    <t>ENSG00000143947</t>
  </si>
  <si>
    <t>RPS27A</t>
  </si>
  <si>
    <t>ribosomal protein S27a [Source:HGNC Symbol;Acc:HGNC:10417]</t>
  </si>
  <si>
    <t>ENSG00000126254</t>
  </si>
  <si>
    <t>RBM42</t>
  </si>
  <si>
    <t>RNA binding motif protein 42 [Source:HGNC Symbol;Acc:HGNC:28117]</t>
  </si>
  <si>
    <t>ENSG00000084463</t>
  </si>
  <si>
    <t>WBP11</t>
  </si>
  <si>
    <t>WW domain binding protein 11 [Source:HGNC Symbol;Acc:HGNC:16461]</t>
  </si>
  <si>
    <t>ENSG00000204590</t>
  </si>
  <si>
    <t>GNL1</t>
  </si>
  <si>
    <t>G protein nucleolar 1 (putative) [Source:HGNC Symbol;Acc:HGNC:4413]</t>
  </si>
  <si>
    <t>ENSG00000092201</t>
  </si>
  <si>
    <t>SUPT16H</t>
  </si>
  <si>
    <t>SPT16 homolog, facilitates chromatin remodeling subunit [Source:HGNC Symbol;Acc:HGNC:11465]</t>
  </si>
  <si>
    <t>ENSG00000103707</t>
  </si>
  <si>
    <t>MTFMT</t>
  </si>
  <si>
    <t>mitochondrial methionyl-tRNA formyltransferase [Source:HGNC Symbol;Acc:HGNC:29666]</t>
  </si>
  <si>
    <t>ENSG00000100764</t>
  </si>
  <si>
    <t>PSMC1</t>
  </si>
  <si>
    <t>proteasome 26S subunit, ATPase 1 [Source:HGNC Symbol;Acc:HGNC:9547]</t>
  </si>
  <si>
    <t>ENSG00000076924</t>
  </si>
  <si>
    <t>XAB2</t>
  </si>
  <si>
    <t>XPA binding protein 2 [Source:HGNC Symbol;Acc:HGNC:14089]</t>
  </si>
  <si>
    <t>ENSG00000105364</t>
  </si>
  <si>
    <t>MRPL4</t>
  </si>
  <si>
    <t>mitochondrial ribosomal protein L4 [Source:HGNC Symbol;Acc:HGNC:14276]</t>
  </si>
  <si>
    <t>ENSG00000179115</t>
  </si>
  <si>
    <t>FARSA</t>
  </si>
  <si>
    <t>phenylalanyl-tRNA synthetase alpha subunit [Source:HGNC Symbol;Acc:HGNC:3592]</t>
  </si>
  <si>
    <t>ENSG00000130723</t>
  </si>
  <si>
    <t>PRRC2B</t>
  </si>
  <si>
    <t>proline rich coiled-coil 2B [Source:HGNC Symbol;Acc:HGNC:28121]</t>
  </si>
  <si>
    <t>ENSG00000134440</t>
  </si>
  <si>
    <t>NARS</t>
  </si>
  <si>
    <t>asparaginyl-tRNA synthetase [Source:HGNC Symbol;Acc:HGNC:7643]</t>
  </si>
  <si>
    <t>ENSG00000187024</t>
  </si>
  <si>
    <t>PTRH1</t>
  </si>
  <si>
    <t>peptidyl-tRNA hydrolase 1 homolog [Source:HGNC Symbol;Acc:HGNC:27039]</t>
  </si>
  <si>
    <t>ENSG00000183431</t>
  </si>
  <si>
    <t>SF3A3</t>
  </si>
  <si>
    <t>splicing factor 3a subunit 3 [Source:HGNC Symbol;Acc:HGNC:10767]</t>
  </si>
  <si>
    <t>ENSG00000149792</t>
  </si>
  <si>
    <t>MRPL49</t>
  </si>
  <si>
    <t>mitochondrial ribosomal protein L49 [Source:HGNC Symbol;Acc:HGNC:1176]</t>
  </si>
  <si>
    <t>ENSG00000132463</t>
  </si>
  <si>
    <t>GRSF1</t>
  </si>
  <si>
    <t>G-rich RNA sequence binding factor 1 [Source:HGNC Symbol;Acc:HGNC:4610]</t>
  </si>
  <si>
    <t>ENSG00000100941</t>
  </si>
  <si>
    <t>PNN</t>
  </si>
  <si>
    <t>pinin, desmosome associated protein [Source:HGNC Symbol;Acc:HGNC:9162]</t>
  </si>
  <si>
    <t>ENSG00000124784</t>
  </si>
  <si>
    <t>RIOK1</t>
  </si>
  <si>
    <t>RIO kinase 1 [Source:HGNC Symbol;Acc:HGNC:18656]</t>
  </si>
  <si>
    <t>ENSG00000080608</t>
  </si>
  <si>
    <t>PUM3</t>
  </si>
  <si>
    <t>pumilio RNA binding family member 3 [Source:HGNC Symbol;Acc:HGNC:29676]</t>
  </si>
  <si>
    <t>ENSG00000142541</t>
  </si>
  <si>
    <t>RPL13A</t>
  </si>
  <si>
    <t>ribosomal protein L13a [Source:HGNC Symbol;Acc:HGNC:10304]</t>
  </si>
  <si>
    <t>ENSG00000168101</t>
  </si>
  <si>
    <t>NUDT16L1</t>
  </si>
  <si>
    <t>nudix hydrolase 16 like 1 [Source:HGNC Symbol;Acc:HGNC:28154]</t>
  </si>
  <si>
    <t>ENSG00000155827</t>
  </si>
  <si>
    <t>RNF20</t>
  </si>
  <si>
    <t>ring finger protein 20 [Source:HGNC Symbol;Acc:HGNC:10062]</t>
  </si>
  <si>
    <t>ENSG00000102786</t>
  </si>
  <si>
    <t>INTS6</t>
  </si>
  <si>
    <t>integrator complex subunit 6 [Source:HGNC Symbol;Acc:HGNC:14879]</t>
  </si>
  <si>
    <t>ENSG00000124795</t>
  </si>
  <si>
    <t>DEK</t>
  </si>
  <si>
    <t>DEK proto-oncogene [Source:HGNC Symbol;Acc:HGNC:2768]</t>
  </si>
  <si>
    <t>ENSG00000175792</t>
  </si>
  <si>
    <t>RUVBL1</t>
  </si>
  <si>
    <t>RuvB like AAA ATPase 1 [Source:HGNC Symbol;Acc:HGNC:10474]</t>
  </si>
  <si>
    <t>ENSG00000087365</t>
  </si>
  <si>
    <t>SF3B2</t>
  </si>
  <si>
    <t>splicing factor 3b subunit 2 [Source:HGNC Symbol;Acc:HGNC:10769]</t>
  </si>
  <si>
    <t>ENSG00000007376</t>
  </si>
  <si>
    <t>RPUSD1</t>
  </si>
  <si>
    <t>RNA pseudouridylate synthase domain containing 1 [Source:HGNC Symbol;Acc:HGNC:14173]</t>
  </si>
  <si>
    <t>ENSG00000117751</t>
  </si>
  <si>
    <t>PPP1R8</t>
  </si>
  <si>
    <t>protein phosphatase 1 regulatory subunit 8 [Source:HGNC Symbol;Acc:HGNC:9296]</t>
  </si>
  <si>
    <t>ENSG00000108825</t>
  </si>
  <si>
    <t>PTGES3L-AARSD1</t>
  </si>
  <si>
    <t>PTGES3L-AARSD1 readthrough [Source:HGNC Symbol;Acc:HGNC:43946]</t>
  </si>
  <si>
    <t>ENSG00000162971</t>
  </si>
  <si>
    <t>TYW5</t>
  </si>
  <si>
    <t>tRNA-yW synthesizing protein 5 [Source:HGNC Symbol;Acc:HGNC:26754]</t>
  </si>
  <si>
    <t>ENSG00000112584</t>
  </si>
  <si>
    <t>FAM120B</t>
  </si>
  <si>
    <t>family with sequence similarity 120B [Source:HGNC Symbol;Acc:HGNC:21109]</t>
  </si>
  <si>
    <t>ENSG00000140830</t>
  </si>
  <si>
    <t>TXNL4B</t>
  </si>
  <si>
    <t>thioredoxin like 4B [Source:HGNC Symbol;Acc:HGNC:26041]</t>
  </si>
  <si>
    <t>ENSG00000173545</t>
  </si>
  <si>
    <t>ZNF622</t>
  </si>
  <si>
    <t>zinc finger protein 622 [Source:HGNC Symbol;Acc:HGNC:30958]</t>
  </si>
  <si>
    <t>ENSG00000101146</t>
  </si>
  <si>
    <t>RAE1</t>
  </si>
  <si>
    <t>ribonucleic acid export 1 [Source:HGNC Symbol;Acc:HGNC:9828]</t>
  </si>
  <si>
    <t>ENSG00000072518</t>
  </si>
  <si>
    <t>MARK2</t>
  </si>
  <si>
    <t>microtubule affinity regulating kinase 2 [Source:HGNC Symbol;Acc:HGNC:3332]</t>
  </si>
  <si>
    <t>ENSG00000197102</t>
  </si>
  <si>
    <t>DYNC1H1</t>
  </si>
  <si>
    <t>dynein cytoplasmic 1 heavy chain 1 [Source:HGNC Symbol;Acc:HGNC:2961]</t>
  </si>
  <si>
    <t>ENSG00000189091</t>
  </si>
  <si>
    <t>SF3B3</t>
  </si>
  <si>
    <t>splicing factor 3b subunit 3 [Source:HGNC Symbol;Acc:HGNC:10770]</t>
  </si>
  <si>
    <t>ENSG00000164924</t>
  </si>
  <si>
    <t>YWHAZ</t>
  </si>
  <si>
    <t>tyrosine 3-monooxygenase/tryptophan 5-monooxygenase activation protein zeta [Source:HGNC Symbol;Acc:HGNC:12855]</t>
  </si>
  <si>
    <t>ENSG00000197265</t>
  </si>
  <si>
    <t>GTF2E2</t>
  </si>
  <si>
    <t>general transcription factor IIE subunit 2 [Source:HGNC Symbol;Acc:HGNC:4651]</t>
  </si>
  <si>
    <t>ENSG00000253626</t>
  </si>
  <si>
    <t>EIF5AL1</t>
  </si>
  <si>
    <t>eukaryotic translation initiation factor 5A-like 1 [Source:HGNC Symbol;Acc:HGNC:17419]</t>
  </si>
  <si>
    <t>ENSG00000214022</t>
  </si>
  <si>
    <t>REPIN1</t>
  </si>
  <si>
    <t>replication initiator 1 [Source:HGNC Symbol;Acc:HGNC:17922]</t>
  </si>
  <si>
    <t>ENSG00000111640</t>
  </si>
  <si>
    <t>GAPDH</t>
  </si>
  <si>
    <t>glyceraldehyde-3-phosphate dehydrogenase [Source:HGNC Symbol;Acc:HGNC:4141]</t>
  </si>
  <si>
    <t>ENSG00000175467</t>
  </si>
  <si>
    <t>SART1</t>
  </si>
  <si>
    <t>squamous cell carcinoma antigen recognized by T-cells 1 [Source:HGNC Symbol;Acc:HGNC:10538]</t>
  </si>
  <si>
    <t>ENSG00000084623</t>
  </si>
  <si>
    <t>EIF3I</t>
  </si>
  <si>
    <t>eukaryotic translation initiation factor 3 subunit I [Source:HGNC Symbol;Acc:HGNC:3272]</t>
  </si>
  <si>
    <t>ENSG00000158545</t>
  </si>
  <si>
    <t>ZC3H18</t>
  </si>
  <si>
    <t>zinc finger CCCH-type containing 18 [Source:HGNC Symbol;Acc:HGNC:25091]</t>
  </si>
  <si>
    <t>ENSG00000100029</t>
  </si>
  <si>
    <t>PES1</t>
  </si>
  <si>
    <t>pescadillo ribosomal biogenesis factor 1 [Source:HGNC Symbol;Acc:HGNC:8848]</t>
  </si>
  <si>
    <t>ENSG00000183665</t>
  </si>
  <si>
    <t>TRMT12</t>
  </si>
  <si>
    <t>tRNA methyltransferase 12 homolog [Source:HGNC Symbol;Acc:HGNC:26091]</t>
  </si>
  <si>
    <t>ENSG00000120699</t>
  </si>
  <si>
    <t>EXOSC8</t>
  </si>
  <si>
    <t>exosome component 8 [Source:HGNC Symbol;Acc:HGNC:17035]</t>
  </si>
  <si>
    <t>ENSG00000115677</t>
  </si>
  <si>
    <t>HDLBP</t>
  </si>
  <si>
    <t>high density lipoprotein binding protein [Source:HGNC Symbol;Acc:HGNC:4857]</t>
  </si>
  <si>
    <t>ENSG00000132305</t>
  </si>
  <si>
    <t>IMMT</t>
  </si>
  <si>
    <t>inner membrane mitochondrial protein [Source:HGNC Symbol;Acc:HGNC:6047]</t>
  </si>
  <si>
    <t>ENSG00000204356</t>
  </si>
  <si>
    <t>7936 100302242</t>
  </si>
  <si>
    <t>NELFE</t>
  </si>
  <si>
    <t>negative elongation factor complex member E [Source:HGNC Symbol;Acc:HGNC:13974]</t>
  </si>
  <si>
    <t>ENSG00000106263</t>
  </si>
  <si>
    <t>EIF3B</t>
  </si>
  <si>
    <t>eukaryotic translation initiation factor 3 subunit B [Source:HGNC Symbol;Acc:HGNC:3280]</t>
  </si>
  <si>
    <t>ENSG00000123352</t>
  </si>
  <si>
    <t>SPATS2</t>
  </si>
  <si>
    <t>spermatogenesis associated serine rich 2 [Source:HGNC Symbol;Acc:HGNC:18650]</t>
  </si>
  <si>
    <t>ENSG00000122566</t>
  </si>
  <si>
    <t>HNRNPA2B1</t>
  </si>
  <si>
    <t>heterogeneous nuclear ribonucleoprotein A2/B1 [Source:HGNC Symbol;Acc:HGNC:5033]</t>
  </si>
  <si>
    <t>ENSG00000168724</t>
  </si>
  <si>
    <t>DNAJC21</t>
  </si>
  <si>
    <t>DnaJ heat shock protein family (Hsp40) member C21 [Source:HGNC Symbol;Acc:HGNC:27030]</t>
  </si>
  <si>
    <t>ENSG00000213782</t>
  </si>
  <si>
    <t>DDX47</t>
  </si>
  <si>
    <t>DEAD-box helicase 47 [Source:HGNC Symbol;Acc:HGNC:18682]</t>
  </si>
  <si>
    <t>ENSG00000158941</t>
  </si>
  <si>
    <t>CCAR2</t>
  </si>
  <si>
    <t>cell cycle and apoptosis regulator 2 [Source:HGNC Symbol;Acc:HGNC:23360]</t>
  </si>
  <si>
    <t>ENSG00000134453</t>
  </si>
  <si>
    <t>RBM17</t>
  </si>
  <si>
    <t>RNA binding motif protein 17 [Source:HGNC Symbol;Acc:HGNC:16944]</t>
  </si>
  <si>
    <t>ENSG00000156304</t>
  </si>
  <si>
    <t>SCAF4</t>
  </si>
  <si>
    <t>SR-related CTD associated factor 4 [Source:HGNC Symbol;Acc:HGNC:19304]</t>
  </si>
  <si>
    <t>ENSG00000100603</t>
  </si>
  <si>
    <t>SNW1</t>
  </si>
  <si>
    <t>SNW domain containing 1 [Source:HGNC Symbol;Acc:HGNC:16696]</t>
  </si>
  <si>
    <t>ENSG00000169180</t>
  </si>
  <si>
    <t>XPO6</t>
  </si>
  <si>
    <t>exportin 6 [Source:HGNC Symbol;Acc:HGNC:19733]</t>
  </si>
  <si>
    <t>ENSG00000148090</t>
  </si>
  <si>
    <t>AUH</t>
  </si>
  <si>
    <t>AU RNA binding methylglutaconyl-CoA hydratase [Source:HGNC Symbol;Acc:HGNC:890]</t>
  </si>
  <si>
    <t>ENSG00000124571</t>
  </si>
  <si>
    <t>XPO5</t>
  </si>
  <si>
    <t>exportin 5 [Source:HGNC Symbol;Acc:HGNC:17675]</t>
  </si>
  <si>
    <t>ENSG00000152520</t>
  </si>
  <si>
    <t>PAN3</t>
  </si>
  <si>
    <t>PAN3 poly(A) specific ribonuclease subunit [Source:HGNC Symbol;Acc:HGNC:29991]</t>
  </si>
  <si>
    <t>ENSG00000172171</t>
  </si>
  <si>
    <t>TEFM</t>
  </si>
  <si>
    <t>transcription elongation factor, mitochondrial [Source:HGNC Symbol;Acc:HGNC:26223]</t>
  </si>
  <si>
    <t>ENSG00000134056</t>
  </si>
  <si>
    <t>MRPS36</t>
  </si>
  <si>
    <t>mitochondrial ribosomal protein S36 [Source:HGNC Symbol;Acc:HGNC:16631]</t>
  </si>
  <si>
    <t>ENSG00000079313</t>
  </si>
  <si>
    <t>57455 100302210</t>
  </si>
  <si>
    <t>REXO1</t>
  </si>
  <si>
    <t>RNA exonuclease 1 homolog [Source:HGNC Symbol;Acc:HGNC:24616]</t>
  </si>
  <si>
    <t>ENSG00000198952</t>
  </si>
  <si>
    <t>SMG5</t>
  </si>
  <si>
    <t>SMG5, nonsense mediated mRNA decay factor [Source:HGNC Symbol;Acc:HGNC:24644]</t>
  </si>
  <si>
    <t>ENSG00000071626</t>
  </si>
  <si>
    <t>DAZAP1</t>
  </si>
  <si>
    <t>DAZ associated protein 1 [Source:HGNC Symbol;Acc:HGNC:2683]</t>
  </si>
  <si>
    <t>ENSG00000204842</t>
  </si>
  <si>
    <t>ATXN2</t>
  </si>
  <si>
    <t>ataxin 2 [Source:HGNC Symbol;Acc:HGNC:10555]</t>
  </si>
  <si>
    <t>ENSG00000160213</t>
  </si>
  <si>
    <t>CSTB</t>
  </si>
  <si>
    <t>cystatin B [Source:HGNC Symbol;Acc:HGNC:2482]</t>
  </si>
  <si>
    <t>ENSG00000126524</t>
  </si>
  <si>
    <t>SBDS</t>
  </si>
  <si>
    <t>SBDS ribosome assembly guanine nucleotide exchange factor [Source:HGNC Symbol;Acc:HGNC:19440]</t>
  </si>
  <si>
    <t>ENSG00000181588</t>
  </si>
  <si>
    <t>MEX3D</t>
  </si>
  <si>
    <t>mex-3 RNA binding family member D [Source:HGNC Symbol;Acc:HGNC:16734]</t>
  </si>
  <si>
    <t>ENSG00000130816</t>
  </si>
  <si>
    <t>DNMT1</t>
  </si>
  <si>
    <t>DNA methyltransferase 1 [Source:HGNC Symbol;Acc:HGNC:2976]</t>
  </si>
  <si>
    <t>ENSG00000167315</t>
  </si>
  <si>
    <t>ACAA2</t>
  </si>
  <si>
    <t>acetyl-CoA acyltransferase 2 [Source:HGNC Symbol;Acc:HGNC:83]</t>
  </si>
  <si>
    <t>ENSG00000253729</t>
  </si>
  <si>
    <t>PRKDC</t>
  </si>
  <si>
    <t>protein kinase, DNA-activated, catalytic polypeptide [Source:HGNC Symbol;Acc:HGNC:9413]</t>
  </si>
  <si>
    <t>ENSG00000152464</t>
  </si>
  <si>
    <t>RPP38</t>
  </si>
  <si>
    <t>ribonuclease P/MRP subunit p38 [Source:HGNC Symbol;Acc:HGNC:30329]</t>
  </si>
  <si>
    <t>ENSG00000173681</t>
  </si>
  <si>
    <t>CXorf23</t>
  </si>
  <si>
    <t>chromosome X open reading frame 23 [Source:HGNC Symbol;Acc:HGNC:27413]</t>
  </si>
  <si>
    <t>ENSG00000023734</t>
  </si>
  <si>
    <t>STRAP</t>
  </si>
  <si>
    <t>serine/threonine kinase receptor associated protein [Source:HGNC Symbol;Acc:HGNC:30796]</t>
  </si>
  <si>
    <t>ENSG00000090060</t>
  </si>
  <si>
    <t>PAPOLA</t>
  </si>
  <si>
    <t>poly(A) polymerase alpha [Source:HGNC Symbol;Acc:HGNC:14981]</t>
  </si>
  <si>
    <t>ENSG00000104129</t>
  </si>
  <si>
    <t>DNAJC17</t>
  </si>
  <si>
    <t>DnaJ heat shock protein family (Hsp40) member C17 [Source:HGNC Symbol;Acc:HGNC:25556]</t>
  </si>
  <si>
    <t>ENSG00000159111</t>
  </si>
  <si>
    <t>MRPL10</t>
  </si>
  <si>
    <t>mitochondrial ribosomal protein L10 [Source:HGNC Symbol;Acc:HGNC:14055]</t>
  </si>
  <si>
    <t>ENSG00000198585</t>
  </si>
  <si>
    <t>NUDT16</t>
  </si>
  <si>
    <t>nudix hydrolase 16 [Source:HGNC Symbol;Acc:HGNC:26442]</t>
  </si>
  <si>
    <t>ENSG00000174173</t>
  </si>
  <si>
    <t>TRMT10C</t>
  </si>
  <si>
    <t>tRNA methyltransferase 10C, mitochondrial RNase P subunit [Source:HGNC Symbol;Acc:HGNC:26022]</t>
  </si>
  <si>
    <t>ENSG00000170027</t>
  </si>
  <si>
    <t>YWHAG</t>
  </si>
  <si>
    <t>tyrosine 3-monooxygenase/tryptophan 5-monooxygenase activation protein gamma [Source:HGNC Symbol;Acc:HGNC:12852]</t>
  </si>
  <si>
    <t>ENSG00000103510</t>
  </si>
  <si>
    <t>KAT8</t>
  </si>
  <si>
    <t>lysine acetyltransferase 8 [Source:HGNC Symbol;Acc:HGNC:17933]</t>
  </si>
  <si>
    <t>ENSG00000160799</t>
  </si>
  <si>
    <t>CCDC12</t>
  </si>
  <si>
    <t>coiled-coil domain containing 12 [Source:HGNC Symbol;Acc:HGNC:28332]</t>
  </si>
  <si>
    <t>ENSG00000126461</t>
  </si>
  <si>
    <t>SCAF1</t>
  </si>
  <si>
    <t>SR-related CTD associated factor 1 [Source:HGNC Symbol;Acc:HGNC:30403]</t>
  </si>
  <si>
    <t>ENSG00000100697</t>
  </si>
  <si>
    <t>DICER1</t>
  </si>
  <si>
    <t>dicer 1, ribonuclease III [Source:HGNC Symbol;Acc:HGNC:17098]</t>
  </si>
  <si>
    <t>ENSG00000162408</t>
  </si>
  <si>
    <t>NOL9</t>
  </si>
  <si>
    <t>nucleolar protein 9 [Source:HGNC Symbol;Acc:HGNC:26265]</t>
  </si>
  <si>
    <t>ENSG00000144161</t>
  </si>
  <si>
    <t>ZC3H8</t>
  </si>
  <si>
    <t>zinc finger CCCH-type containing 8 [Source:HGNC Symbol;Acc:HGNC:30941]</t>
  </si>
  <si>
    <t>ENSG00000101150</t>
  </si>
  <si>
    <t>TPD52L2</t>
  </si>
  <si>
    <t>tumor protein D52 like 2 [Source:HGNC Symbol;Acc:HGNC:12007]</t>
  </si>
  <si>
    <t>ENSG00000177469</t>
  </si>
  <si>
    <t>PTRF</t>
  </si>
  <si>
    <t>polymerase I and transcript release factor [Source:HGNC Symbol;Acc:HGNC:9688]</t>
  </si>
  <si>
    <t>ENSG00000162385</t>
  </si>
  <si>
    <t>MAGOH</t>
  </si>
  <si>
    <t>mago homolog, exon junction complex core component [Source:HGNC Symbol;Acc:HGNC:6815]</t>
  </si>
  <si>
    <t>ENSG00000142252</t>
  </si>
  <si>
    <t>GEMIN7</t>
  </si>
  <si>
    <t>gem nuclear organelle associated protein 7 [Source:HGNC Symbol;Acc:HGNC:20045]</t>
  </si>
  <si>
    <t>ENSG00000164167</t>
  </si>
  <si>
    <t>LSM6</t>
  </si>
  <si>
    <t>LSM6 homolog, U6 small nuclear RNA and mRNA degradation associated [Source:HGNC Symbol;Acc:HGNC:17017]</t>
  </si>
  <si>
    <t>ENSG00000052749</t>
  </si>
  <si>
    <t>RRP12</t>
  </si>
  <si>
    <t>ribosomal RNA processing 12 homolog [Source:HGNC Symbol;Acc:HGNC:29100]</t>
  </si>
  <si>
    <t>ENSG00000130811</t>
  </si>
  <si>
    <t>EIF3G</t>
  </si>
  <si>
    <t>eukaryotic translation initiation factor 3 subunit G [Source:HGNC Symbol;Acc:HGNC:3274]</t>
  </si>
  <si>
    <t>ENSG00000064419</t>
  </si>
  <si>
    <t>TNPO3</t>
  </si>
  <si>
    <t>transportin 3 [Source:HGNC Symbol;Acc:HGNC:17103]</t>
  </si>
  <si>
    <t>ENSG00000116288</t>
  </si>
  <si>
    <t>PARK7</t>
  </si>
  <si>
    <t>Parkinsonism associated deglycase [Source:HGNC Symbol;Acc:HGNC:16369]</t>
  </si>
  <si>
    <t>ENSG00000099783</t>
  </si>
  <si>
    <t>HNRNPM</t>
  </si>
  <si>
    <t>heterogeneous nuclear ribonucleoprotein M [Source:HGNC Symbol;Acc:HGNC:5046]</t>
  </si>
  <si>
    <t>ENSG00000125901</t>
  </si>
  <si>
    <t>MRPS26</t>
  </si>
  <si>
    <t>mitochondrial ribosomal protein S26 [Source:HGNC Symbol;Acc:HGNC:14045]</t>
  </si>
  <si>
    <t>ENSG00000160214</t>
  </si>
  <si>
    <t>RRP1</t>
  </si>
  <si>
    <t>ribosomal RNA processing 1 [Source:HGNC Symbol;Acc:HGNC:18785]</t>
  </si>
  <si>
    <t>ENSG00000184863</t>
  </si>
  <si>
    <t>RBM33</t>
  </si>
  <si>
    <t>RNA binding motif protein 33 [Source:HGNC Symbol;Acc:HGNC:27223]</t>
  </si>
  <si>
    <t>ENSG00000184967</t>
  </si>
  <si>
    <t>NOC4L</t>
  </si>
  <si>
    <t>nucleolar complex associated 4 homolog [Source:HGNC Symbol;Acc:HGNC:28461]</t>
  </si>
  <si>
    <t>ENSG00000124541</t>
  </si>
  <si>
    <t>RRP36</t>
  </si>
  <si>
    <t>ribosomal RNA processing 36 [Source:HGNC Symbol;Acc:HGNC:21374]</t>
  </si>
  <si>
    <t>ENSG00000133226</t>
  </si>
  <si>
    <t>SRRM1</t>
  </si>
  <si>
    <t>serine and arginine repetitive matrix 1 [Source:HGNC Symbol;Acc:HGNC:16638]</t>
  </si>
  <si>
    <t>ENSG00000137040</t>
  </si>
  <si>
    <t>RANBP6</t>
  </si>
  <si>
    <t>RAN binding protein 6 [Source:HGNC Symbol;Acc:HGNC:9851]</t>
  </si>
  <si>
    <t>ENSG00000138668</t>
  </si>
  <si>
    <t>HNRNPD</t>
  </si>
  <si>
    <t>heterogeneous nuclear ribonucleoprotein D [Source:HGNC Symbol;Acc:HGNC:5036]</t>
  </si>
  <si>
    <t>ENSG00000070785</t>
  </si>
  <si>
    <t>EIF2B3</t>
  </si>
  <si>
    <t>eukaryotic translation initiation factor 2B subunit gamma [Source:HGNC Symbol;Acc:HGNC:3259]</t>
  </si>
  <si>
    <t>ENSG00000106245</t>
  </si>
  <si>
    <t>BUD31</t>
  </si>
  <si>
    <t>BUD31 homolog [Source:HGNC Symbol;Acc:HGNC:29629]</t>
  </si>
  <si>
    <t>ENSG00000086200</t>
  </si>
  <si>
    <t>IPO11</t>
  </si>
  <si>
    <t>importin 11 [Source:HGNC Symbol;Acc:HGNC:20628]</t>
  </si>
  <si>
    <t>ENSG00000066651</t>
  </si>
  <si>
    <t>TRMT11</t>
  </si>
  <si>
    <t>tRNA methyltransferase 11 homolog [Source:HGNC Symbol;Acc:HGNC:21080]</t>
  </si>
  <si>
    <t>ENSG00000142546</t>
  </si>
  <si>
    <t>NOSIP</t>
  </si>
  <si>
    <t>nitric oxide synthase interacting protein [Source:HGNC Symbol;Acc:HGNC:17946]</t>
  </si>
  <si>
    <t>ENSG00000117481</t>
  </si>
  <si>
    <t>NSUN4</t>
  </si>
  <si>
    <t>NOP2/Sun RNA methyltransferase family member 4 [Source:HGNC Symbol;Acc:HGNC:31802]</t>
  </si>
  <si>
    <t>ENSG00000131981</t>
  </si>
  <si>
    <t>LGALS3</t>
  </si>
  <si>
    <t>galectin 3 [Source:HGNC Symbol;Acc:HGNC:6563]</t>
  </si>
  <si>
    <t>ENSG00000132661</t>
  </si>
  <si>
    <t>NXT1</t>
  </si>
  <si>
    <t>nuclear transport factor 2 like export factor 1 [Source:HGNC Symbol;Acc:HGNC:15913]</t>
  </si>
  <si>
    <t>ENSG00000135473</t>
  </si>
  <si>
    <t>PAN2</t>
  </si>
  <si>
    <t>PAN2 poly(A) specific ribonuclease subunit [Source:HGNC Symbol;Acc:HGNC:20074]</t>
  </si>
  <si>
    <t>ENSG00000184209</t>
  </si>
  <si>
    <t>SNRNP35</t>
  </si>
  <si>
    <t>small nuclear ribonucleoprotein U11/U12 subunit 35 [Source:HGNC Symbol;Acc:HGNC:30852]</t>
  </si>
  <si>
    <t>ENSG00000132424</t>
  </si>
  <si>
    <t>PNISR</t>
  </si>
  <si>
    <t>PNN interacting serine and arginine rich protein [Source:HGNC Symbol;Acc:HGNC:21222]</t>
  </si>
  <si>
    <t>ENSG00000110107</t>
  </si>
  <si>
    <t>PRPF19</t>
  </si>
  <si>
    <t>pre-mRNA processing factor 19 [Source:HGNC Symbol;Acc:HGNC:17896]</t>
  </si>
  <si>
    <t>ENSG00000141456</t>
  </si>
  <si>
    <t>PELP1</t>
  </si>
  <si>
    <t>proline, glutamate and leucine rich protein 1 [Source:HGNC Symbol;Acc:HGNC:30134]</t>
  </si>
  <si>
    <t>ENSG00000102898</t>
  </si>
  <si>
    <t>NUTF2</t>
  </si>
  <si>
    <t>nuclear transport factor 2 [Source:HGNC Symbol;Acc:HGNC:13722]</t>
  </si>
  <si>
    <t>ENSG00000148824</t>
  </si>
  <si>
    <t>MTG1</t>
  </si>
  <si>
    <t>mitochondrial ribosome associated GTPase 1 [Source:HGNC Symbol;Acc:HGNC:32159]</t>
  </si>
  <si>
    <t>ENSG00000113272</t>
  </si>
  <si>
    <t>THG1L</t>
  </si>
  <si>
    <t>tRNA-histidine guanylyltransferase 1 like [Source:HGNC Symbol;Acc:HGNC:26053]</t>
  </si>
  <si>
    <t>ENSG00000122870</t>
  </si>
  <si>
    <t>BICC1</t>
  </si>
  <si>
    <t>BicC family RNA binding protein 1 [Source:HGNC Symbol;Acc:HGNC:19351]</t>
  </si>
  <si>
    <t>ENSG00000163510</t>
  </si>
  <si>
    <t>CWC22</t>
  </si>
  <si>
    <t>CWC22 homolog, spliceosome-associated protein [Source:HGNC Symbol;Acc:HGNC:29322]</t>
  </si>
  <si>
    <t>ENSG00000047410</t>
  </si>
  <si>
    <t>TPR</t>
  </si>
  <si>
    <t>translocated promoter region, nuclear basket protein [Source:HGNC Symbol;Acc:HGNC:12017]</t>
  </si>
  <si>
    <t>ENSG00000116350</t>
  </si>
  <si>
    <t>SRSF4</t>
  </si>
  <si>
    <t>serine and arginine rich splicing factor 4 [Source:HGNC Symbol;Acc:HGNC:10786]</t>
  </si>
  <si>
    <t>ENSG00000143319</t>
  </si>
  <si>
    <t>ISG20L2</t>
  </si>
  <si>
    <t>interferon stimulated exonuclease gene 20 like 2 [Source:HGNC Symbol;Acc:HGNC:25745]</t>
  </si>
  <si>
    <t>ENSG00000115128</t>
  </si>
  <si>
    <t>SF3B6</t>
  </si>
  <si>
    <t>splicing factor 3b subunit 6 [Source:HGNC Symbol;Acc:HGNC:30096]</t>
  </si>
  <si>
    <t>ENSG00000147649</t>
  </si>
  <si>
    <t>MTDH</t>
  </si>
  <si>
    <t>metadherin [Source:HGNC Symbol;Acc:HGNC:29608]</t>
  </si>
  <si>
    <t>ENSG00000180228</t>
  </si>
  <si>
    <t>PRKRA</t>
  </si>
  <si>
    <t>protein activator of interferon induced protein kinase EIF2AK2 [Source:HGNC Symbol;Acc:HGNC:9438]</t>
  </si>
  <si>
    <t>ENSG00000172239</t>
  </si>
  <si>
    <t>PAIP1</t>
  </si>
  <si>
    <t>poly(A) binding protein interacting protein 1 [Source:HGNC Symbol;Acc:HGNC:16945]</t>
  </si>
  <si>
    <t>ENSG00000100890</t>
  </si>
  <si>
    <t>KIAA0391</t>
  </si>
  <si>
    <t>KIAA0391 [Source:HGNC Symbol;Acc:HGNC:19958]</t>
  </si>
  <si>
    <t>ENSG00000204569</t>
  </si>
  <si>
    <t>PPP1R10</t>
  </si>
  <si>
    <t>protein phosphatase 1 regulatory subunit 10 [Source:HGNC Symbol;Acc:HGNC:9284]</t>
  </si>
  <si>
    <t>ENSG00000083896</t>
  </si>
  <si>
    <t>YTHDC1</t>
  </si>
  <si>
    <t>YTH domain containing 1 [Source:HGNC Symbol;Acc:HGNC:30626]</t>
  </si>
  <si>
    <t>ENSG00000156990</t>
  </si>
  <si>
    <t>RPUSD3</t>
  </si>
  <si>
    <t>RNA pseudouridylate synthase domain containing 3 [Source:HGNC Symbol;Acc:HGNC:28437]</t>
  </si>
  <si>
    <t>ENSG00000102921</t>
  </si>
  <si>
    <t>N4BP1</t>
  </si>
  <si>
    <t>NEDD4 binding protein 1 [Source:HGNC Symbol;Acc:HGNC:29850]</t>
  </si>
  <si>
    <t>ENSG00000104626</t>
  </si>
  <si>
    <t>ERI1</t>
  </si>
  <si>
    <t>exoribonuclease 1 [Source:HGNC Symbol;Acc:HGNC:23994]</t>
  </si>
  <si>
    <t>ENSG00000120158</t>
  </si>
  <si>
    <t>RCL1</t>
  </si>
  <si>
    <t>RNA terminal phosphate cyclase like 1 [Source:HGNC Symbol;Acc:HGNC:17687]</t>
  </si>
  <si>
    <t>ENSG00000196396</t>
  </si>
  <si>
    <t>PTPN1</t>
  </si>
  <si>
    <t>protein tyrosine phosphatase, non-receptor type 1 [Source:HGNC Symbol;Acc:HGNC:9642]</t>
  </si>
  <si>
    <t>ENSG00000156976</t>
  </si>
  <si>
    <t>1974 100302143</t>
  </si>
  <si>
    <t>EIF4A2</t>
  </si>
  <si>
    <t>eukaryotic translation initiation factor 4A2 [Source:HGNC Symbol;Acc:HGNC:3284]</t>
  </si>
  <si>
    <t>ENSG00000152404</t>
  </si>
  <si>
    <t>CWF19L2</t>
  </si>
  <si>
    <t>CWF19-like 2, cell cycle control (S. pombe) [Source:HGNC Symbol;Acc:HGNC:26508]</t>
  </si>
  <si>
    <t>ENSG00000109111</t>
  </si>
  <si>
    <t>SUPT6H</t>
  </si>
  <si>
    <t>SPT6 homolog, histone chaperone [Source:HGNC Symbol;Acc:HGNC:11470]</t>
  </si>
  <si>
    <t>ENSG00000104824</t>
  </si>
  <si>
    <t>HNRNPL</t>
  </si>
  <si>
    <t>heterogeneous nuclear ribonucleoprotein L [Source:HGNC Symbol;Acc:HGNC:5045]</t>
  </si>
  <si>
    <t>ENSG00000182768</t>
  </si>
  <si>
    <t>NGRN</t>
  </si>
  <si>
    <t>neugrin, neurite outgrowth associated [Source:HGNC Symbol;Acc:HGNC:18077]</t>
  </si>
  <si>
    <t>ENSG00000132740</t>
  </si>
  <si>
    <t>IGHMBP2</t>
  </si>
  <si>
    <t>immunoglobulin mu binding protein 2 [Source:HGNC Symbol;Acc:HGNC:5542]</t>
  </si>
  <si>
    <t>ENSG00000102531</t>
  </si>
  <si>
    <t>FNDC3A</t>
  </si>
  <si>
    <t>fibronectin type III domain containing 3A [Source:HGNC Symbol;Acc:HGNC:20296]</t>
  </si>
  <si>
    <t>ENSG00000137876</t>
  </si>
  <si>
    <t>RSL24D1</t>
  </si>
  <si>
    <t>ribosomal L24 domain containing 1 [Source:HGNC Symbol;Acc:HGNC:18479]</t>
  </si>
  <si>
    <t>ENSG00000175324</t>
  </si>
  <si>
    <t>LSM1</t>
  </si>
  <si>
    <t>LSM1 homolog, mRNA degradation associated [Source:HGNC Symbol;Acc:HGNC:20472]</t>
  </si>
  <si>
    <t>ENSG00000162910</t>
  </si>
  <si>
    <t>MRPL55</t>
  </si>
  <si>
    <t>mitochondrial ribosomal protein L55 [Source:HGNC Symbol;Acc:HGNC:16686]</t>
  </si>
  <si>
    <t>ENSG00000145354</t>
  </si>
  <si>
    <t>CISD2</t>
  </si>
  <si>
    <t>CDGSH iron sulfur domain 2 [Source:HGNC Symbol;Acc:HGNC:24212]</t>
  </si>
  <si>
    <t>ENSG00000262814</t>
  </si>
  <si>
    <t>MRPL12</t>
  </si>
  <si>
    <t>mitochondrial ribosomal protein L12 [Source:HGNC Symbol;Acc:HGNC:10378]</t>
  </si>
  <si>
    <t>ENSG00000243147</t>
  </si>
  <si>
    <t>MRPL33</t>
  </si>
  <si>
    <t>mitochondrial ribosomal protein L33 [Source:HGNC Symbol;Acc:HGNC:14487]</t>
  </si>
  <si>
    <t>ENSG00000033030</t>
  </si>
  <si>
    <t>ZCCHC8</t>
  </si>
  <si>
    <t>zinc finger CCHC-type containing 8 [Source:HGNC Symbol;Acc:HGNC:25265]</t>
  </si>
  <si>
    <t>ENSG00000085719</t>
  </si>
  <si>
    <t>CPNE3</t>
  </si>
  <si>
    <t>copine 3 [Source:HGNC Symbol;Acc:HGNC:2316]</t>
  </si>
  <si>
    <t>ENSG00000160208</t>
  </si>
  <si>
    <t>RRP1B</t>
  </si>
  <si>
    <t>ribosomal RNA processing 1B [Source:HGNC Symbol;Acc:HGNC:23818]</t>
  </si>
  <si>
    <t>ENSG00000155506</t>
  </si>
  <si>
    <t>LARP1</t>
  </si>
  <si>
    <t>La ribonucleoprotein domain family member 1 [Source:HGNC Symbol;Acc:HGNC:29531]</t>
  </si>
  <si>
    <t>ENSG00000048162</t>
  </si>
  <si>
    <t>NOP16</t>
  </si>
  <si>
    <t>NOP16 nucleolar protein [Source:HGNC Symbol;Acc:HGNC:26934]</t>
  </si>
  <si>
    <t>ENSG00000108064</t>
  </si>
  <si>
    <t>TFAM</t>
  </si>
  <si>
    <t>transcription factor A, mitochondrial [Source:HGNC Symbol;Acc:HGNC:11741]</t>
  </si>
  <si>
    <t>ENSG00000180992</t>
  </si>
  <si>
    <t>MRPL14</t>
  </si>
  <si>
    <t>mitochondrial ribosomal protein L14 [Source:HGNC Symbol;Acc:HGNC:14279]</t>
  </si>
  <si>
    <t>ENSG00000100813</t>
  </si>
  <si>
    <t>ACIN1</t>
  </si>
  <si>
    <t>apoptotic chromatin condensation inducer 1 [Source:HGNC Symbol;Acc:HGNC:17066]</t>
  </si>
  <si>
    <t>ENSG00000196365</t>
  </si>
  <si>
    <t>LONP1</t>
  </si>
  <si>
    <t>lon peptidase 1, mitochondrial [Source:HGNC Symbol;Acc:HGNC:9479]</t>
  </si>
  <si>
    <t>ENSG00000111786</t>
  </si>
  <si>
    <t>SRSF9</t>
  </si>
  <si>
    <t>serine and arginine rich splicing factor 9 [Source:HGNC Symbol;Acc:HGNC:10791]</t>
  </si>
  <si>
    <t>ENSG00000167962</t>
  </si>
  <si>
    <t>ZNF598</t>
  </si>
  <si>
    <t>zinc finger protein 598 [Source:HGNC Symbol;Acc:HGNC:28079]</t>
  </si>
  <si>
    <t>ENSG00000169288</t>
  </si>
  <si>
    <t>MRPL1</t>
  </si>
  <si>
    <t>mitochondrial ribosomal protein L1 [Source:HGNC Symbol;Acc:HGNC:14275]</t>
  </si>
  <si>
    <t>ENSG00000113141</t>
  </si>
  <si>
    <t>3550 100500820</t>
  </si>
  <si>
    <t>IK</t>
  </si>
  <si>
    <t>IK cytokine, down-regulator of HLA II [Source:HGNC Symbol;Acc:HGNC:5958]</t>
  </si>
  <si>
    <t>ENSG00000205571</t>
  </si>
  <si>
    <t>SMN2</t>
  </si>
  <si>
    <t>survival of motor neuron 2, centromeric [Source:HGNC Symbol;Acc:HGNC:11118]</t>
  </si>
  <si>
    <t>ENSG00000108424</t>
  </si>
  <si>
    <t>KPNB1</t>
  </si>
  <si>
    <t>karyopherin subunit beta 1 [Source:HGNC Symbol;Acc:HGNC:6400]</t>
  </si>
  <si>
    <t>ENSG00000011304</t>
  </si>
  <si>
    <t>5725 100616459</t>
  </si>
  <si>
    <t>PTBP1</t>
  </si>
  <si>
    <t>polypyrimidine tract binding protein 1 [Source:HGNC Symbol;Acc:HGNC:9583]</t>
  </si>
  <si>
    <t>ENSG00000164163</t>
  </si>
  <si>
    <t>ABCE1</t>
  </si>
  <si>
    <t>ATP binding cassette subfamily E member 1 [Source:HGNC Symbol;Acc:HGNC:69]</t>
  </si>
  <si>
    <t>ENSG00000184110</t>
  </si>
  <si>
    <t>8663 728689</t>
  </si>
  <si>
    <t>EIF3C</t>
  </si>
  <si>
    <t>eukaryotic translation initiation factor 3 subunit C [Source:HGNC Symbol;Acc:HGNC:3279]</t>
  </si>
  <si>
    <t>ENSG00000181222</t>
  </si>
  <si>
    <t>POLR2A</t>
  </si>
  <si>
    <t>RNA polymerase II subunit A [Source:HGNC Symbol;Acc:HGNC:9187]</t>
  </si>
  <si>
    <t>ENSG00000175573</t>
  </si>
  <si>
    <t>C11orf68</t>
  </si>
  <si>
    <t>chromosome 11 open reading frame 68 [Source:HGNC Symbol;Acc:HGNC:28801]</t>
  </si>
  <si>
    <t>ENSG00000068784</t>
  </si>
  <si>
    <t>SRBD1</t>
  </si>
  <si>
    <t>S1 RNA binding domain 1 [Source:HGNC Symbol;Acc:HGNC:25521]</t>
  </si>
  <si>
    <t>ENSG00000112941</t>
  </si>
  <si>
    <t>PAPD7</t>
  </si>
  <si>
    <t>poly(A) RNA polymerase D7, non-canonical [Source:HGNC Symbol;Acc:HGNC:16705]</t>
  </si>
  <si>
    <t>ENSG00000168883</t>
  </si>
  <si>
    <t>USP39</t>
  </si>
  <si>
    <t>ubiquitin specific peptidase 39 [Source:HGNC Symbol;Acc:HGNC:20071]</t>
  </si>
  <si>
    <t>ENSG00000085872</t>
  </si>
  <si>
    <t>CHERP</t>
  </si>
  <si>
    <t>calcium homeostasis endoplasmic reticulum protein [Source:HGNC Symbol;Acc:HGNC:16930]</t>
  </si>
  <si>
    <t>ENSG00000138442</t>
  </si>
  <si>
    <t>WDR12</t>
  </si>
  <si>
    <t>WD repeat domain 12 [Source:HGNC Symbol;Acc:HGNC:14098]</t>
  </si>
  <si>
    <t>ENSG00000115866</t>
  </si>
  <si>
    <t>DARS</t>
  </si>
  <si>
    <t>aspartyl-tRNA synthetase [Source:HGNC Symbol;Acc:HGNC:2678]</t>
  </si>
  <si>
    <t>ENSG00000142544</t>
  </si>
  <si>
    <t>CTU1</t>
  </si>
  <si>
    <t>cytosolic thiouridylase subunit 1 [Source:HGNC Symbol;Acc:HGNC:29590]</t>
  </si>
  <si>
    <t>ENSG00000113013</t>
  </si>
  <si>
    <t>HSPA9</t>
  </si>
  <si>
    <t>heat shock protein family A (Hsp70) member 9 [Source:HGNC Symbol;Acc:HGNC:5244]</t>
  </si>
  <si>
    <t>ENSG00000117395</t>
  </si>
  <si>
    <t>10969 102465439</t>
  </si>
  <si>
    <t>EBNA1BP2</t>
  </si>
  <si>
    <t>EBNA1 binding protein 2 [Source:HGNC Symbol;Acc:HGNC:15531]</t>
  </si>
  <si>
    <t>ENSG00000132313</t>
  </si>
  <si>
    <t>MRPL35</t>
  </si>
  <si>
    <t>mitochondrial ribosomal protein L35 [Source:HGNC Symbol;Acc:HGNC:14489]</t>
  </si>
  <si>
    <t>ENSG00000096063</t>
  </si>
  <si>
    <t>SRPK1</t>
  </si>
  <si>
    <t>SRSF protein kinase 1 [Source:HGNC Symbol;Acc:HGNC:11305]</t>
  </si>
  <si>
    <t>ENSG00000157106</t>
  </si>
  <si>
    <t>SMG1</t>
  </si>
  <si>
    <t>SMG1, nonsense mediated mRNA decay associated PI3K related kinase [Source:HGNC Symbol;Acc:HGNC:30045]</t>
  </si>
  <si>
    <t>ENSG00000065243</t>
  </si>
  <si>
    <t>PKN2</t>
  </si>
  <si>
    <t>protein kinase N2 [Source:HGNC Symbol;Acc:HGNC:9406]</t>
  </si>
  <si>
    <t>ENSG00000130254</t>
  </si>
  <si>
    <t>SAFB2</t>
  </si>
  <si>
    <t>scaffold attachment factor B2 [Source:HGNC Symbol;Acc:HGNC:21605]</t>
  </si>
  <si>
    <t>ENSG00000204822</t>
  </si>
  <si>
    <t>MRPL53</t>
  </si>
  <si>
    <t>mitochondrial ribosomal protein L53 [Source:HGNC Symbol;Acc:HGNC:16684]</t>
  </si>
  <si>
    <t>ENSG00000070047</t>
  </si>
  <si>
    <t>PHRF1</t>
  </si>
  <si>
    <t>PHD and ring finger domains 1 [Source:HGNC Symbol;Acc:HGNC:24351]</t>
  </si>
  <si>
    <t>ENSG00000110958</t>
  </si>
  <si>
    <t>PTGES3</t>
  </si>
  <si>
    <t>prostaglandin E synthase 3 [Source:HGNC Symbol;Acc:HGNC:16049]</t>
  </si>
  <si>
    <t>ENSG00000153015</t>
  </si>
  <si>
    <t>CWC27</t>
  </si>
  <si>
    <t>CWC27 spliceosome associated protein homolog [Source:HGNC Symbol;Acc:HGNC:10664]</t>
  </si>
  <si>
    <t>ENSG00000197345</t>
  </si>
  <si>
    <t>MRPL21</t>
  </si>
  <si>
    <t>mitochondrial ribosomal protein L21 [Source:HGNC Symbol;Acc:HGNC:14479]</t>
  </si>
  <si>
    <t>ENSG00000163412</t>
  </si>
  <si>
    <t>EIF4E3</t>
  </si>
  <si>
    <t>eukaryotic translation initiation factor 4E family member 3 [Source:HGNC Symbol;Acc:HGNC:31837]</t>
  </si>
  <si>
    <t>ENSG00000007520</t>
  </si>
  <si>
    <t>TSR3</t>
  </si>
  <si>
    <t>TSR3, acp transferase ribosome maturation factor [Source:HGNC Symbol;Acc:HGNC:14175]</t>
  </si>
  <si>
    <t>ENSG00000174547</t>
  </si>
  <si>
    <t>MRPL11</t>
  </si>
  <si>
    <t>mitochondrial ribosomal protein L11 [Source:HGNC Symbol;Acc:HGNC:14042]</t>
  </si>
  <si>
    <t>ENSG00000100038</t>
  </si>
  <si>
    <t>TOP3B</t>
  </si>
  <si>
    <t>topoisomerase (DNA) III beta [Source:HGNC Symbol;Acc:HGNC:11993]</t>
  </si>
  <si>
    <t>ENSG00000247596</t>
  </si>
  <si>
    <t>TWF2</t>
  </si>
  <si>
    <t>twinfilin actin binding protein 2 [Source:HGNC Symbol;Acc:HGNC:9621]</t>
  </si>
  <si>
    <t>ENSG00000100883</t>
  </si>
  <si>
    <t>SRP54</t>
  </si>
  <si>
    <t>signal recognition particle 54 [Source:HGNC Symbol;Acc:HGNC:11301]</t>
  </si>
  <si>
    <t>ENSG00000159352</t>
  </si>
  <si>
    <t>PSMD4</t>
  </si>
  <si>
    <t>proteasome 26S subunit, non-ATPase 4 [Source:HGNC Symbol;Acc:HGNC:9561]</t>
  </si>
  <si>
    <t>ENSG00000139675</t>
  </si>
  <si>
    <t>HNRNPA1L2</t>
  </si>
  <si>
    <t>heterogeneous nuclear ribonucleoprotein A1-like 2 [Source:HGNC Symbol;Acc:HGNC:27067]</t>
  </si>
  <si>
    <t>ENSG00000141543</t>
  </si>
  <si>
    <t>EIF4A3</t>
  </si>
  <si>
    <t>eukaryotic translation initiation factor 4A3 [Source:HGNC Symbol;Acc:HGNC:18683]</t>
  </si>
  <si>
    <t>ENSG00000065427</t>
  </si>
  <si>
    <t>KARS</t>
  </si>
  <si>
    <t>lysyl-tRNA synthetase [Source:HGNC Symbol;Acc:HGNC:6215]</t>
  </si>
  <si>
    <t>ENSG00000131914</t>
  </si>
  <si>
    <t>LIN28A</t>
  </si>
  <si>
    <t>lin-28 homolog A [Source:HGNC Symbol;Acc:HGNC:15986]</t>
  </si>
  <si>
    <t>ENSG00000166889</t>
  </si>
  <si>
    <t>PATL1</t>
  </si>
  <si>
    <t>PAT1 homolog 1, processing body mRNA decay factor [Source:HGNC Symbol;Acc:HGNC:26721]</t>
  </si>
  <si>
    <t>ENSG00000116030</t>
  </si>
  <si>
    <t>SUMO1</t>
  </si>
  <si>
    <t>small ubiquitin-like modifier 1 [Source:HGNC Symbol;Acc:HGNC:12502]</t>
  </si>
  <si>
    <t>ENSG00000103353</t>
  </si>
  <si>
    <t>UBFD1</t>
  </si>
  <si>
    <t>ubiquitin family domain containing 1 [Source:HGNC Symbol;Acc:HGNC:30565]</t>
  </si>
  <si>
    <t>ENSG00000198918</t>
  </si>
  <si>
    <t>RPL39</t>
  </si>
  <si>
    <t>ribosomal protein L39 [Source:HGNC Symbol;Acc:HGNC:10350]</t>
  </si>
  <si>
    <t>ENSG00000132382</t>
  </si>
  <si>
    <t>MYBBP1A</t>
  </si>
  <si>
    <t>MYB binding protein 1a [Source:HGNC Symbol;Acc:HGNC:7546]</t>
  </si>
  <si>
    <t>ENSG00000139718</t>
  </si>
  <si>
    <t>SETD1B</t>
  </si>
  <si>
    <t>SET domain containing 1B [Source:HGNC Symbol;Acc:HGNC:29187]</t>
  </si>
  <si>
    <t>ENSG00000105618</t>
  </si>
  <si>
    <t>PRPF31</t>
  </si>
  <si>
    <t>pre-mRNA processing factor 31 [Source:HGNC Symbol;Acc:HGNC:15446]</t>
  </si>
  <si>
    <t>ENSG00000111639</t>
  </si>
  <si>
    <t>MRPL51</t>
  </si>
  <si>
    <t>mitochondrial ribosomal protein L51 [Source:HGNC Symbol;Acc:HGNC:14044]</t>
  </si>
  <si>
    <t>ENSG00000083544</t>
  </si>
  <si>
    <t>TDRD3</t>
  </si>
  <si>
    <t>tudor domain containing 3 [Source:HGNC Symbol;Acc:HGNC:20612]</t>
  </si>
  <si>
    <t>ENSG00000171960</t>
  </si>
  <si>
    <t>PPIH</t>
  </si>
  <si>
    <t>peptidylprolyl isomerase H [Source:HGNC Symbol;Acc:HGNC:14651]</t>
  </si>
  <si>
    <t>ENSG00000204560</t>
  </si>
  <si>
    <t>DHX16</t>
  </si>
  <si>
    <t>DEAH-box helicase 16 [Source:HGNC Symbol;Acc:HGNC:2739]</t>
  </si>
  <si>
    <t>ENSG00000166949</t>
  </si>
  <si>
    <t>SMAD3</t>
  </si>
  <si>
    <t>SMAD family member 3 [Source:HGNC Symbol;Acc:HGNC:6769]</t>
  </si>
  <si>
    <t>ENSG00000172590</t>
  </si>
  <si>
    <t>MRPL52</t>
  </si>
  <si>
    <t>mitochondrial ribosomal protein L52 [Source:HGNC Symbol;Acc:HGNC:16655]</t>
  </si>
  <si>
    <t>ENSG00000160201</t>
  </si>
  <si>
    <t>7307 102724594</t>
  </si>
  <si>
    <t>U2AF1</t>
  </si>
  <si>
    <t>U2 small nuclear RNA auxiliary factor 1 [Source:HGNC Symbol;Acc:HGNC:12453]</t>
  </si>
  <si>
    <t>ENSG00000177885</t>
  </si>
  <si>
    <t>GRB2</t>
  </si>
  <si>
    <t>growth factor receptor bound protein 2 [Source:HGNC Symbol;Acc:HGNC:4566]</t>
  </si>
  <si>
    <t>ENSG00000269955</t>
  </si>
  <si>
    <t>C7orf55-LUC7L2</t>
  </si>
  <si>
    <t>C7orf55-LUC7L2 readthrough [Source:HGNC Symbol;Acc:HGNC:44671]</t>
  </si>
  <si>
    <t>ENSG00000005007</t>
  </si>
  <si>
    <t>UPF1</t>
  </si>
  <si>
    <t>UPF1, RNA helicase and ATPase [Source:HGNC Symbol;Acc:HGNC:9962]</t>
  </si>
  <si>
    <t>ENSG00000115211</t>
  </si>
  <si>
    <t>EIF2B4</t>
  </si>
  <si>
    <t>eukaryotic translation initiation factor 2B subunit delta [Source:HGNC Symbol;Acc:HGNC:3260]</t>
  </si>
  <si>
    <t>ENSG00000213741</t>
  </si>
  <si>
    <t>RPS29</t>
  </si>
  <si>
    <t>ribosomal protein S29 [Source:HGNC Symbol;Acc:HGNC:10419]</t>
  </si>
  <si>
    <t>ENSG00000086758</t>
  </si>
  <si>
    <t>HUWE1</t>
  </si>
  <si>
    <t>HECT, UBA and WWE domain containing 1, E3 ubiquitin protein ligase [Source:HGNC Symbol;Acc:HGNC:30892]</t>
  </si>
  <si>
    <t>ENSG00000146963</t>
  </si>
  <si>
    <t>LUC7L2</t>
  </si>
  <si>
    <t>LUC7 like 2, pre-mRNA splicing factor [Source:HGNC Symbol;Acc:HGNC:21608]</t>
  </si>
  <si>
    <t>ENSG00000131876</t>
  </si>
  <si>
    <t>SNRPA1</t>
  </si>
  <si>
    <t>small nuclear ribonucleoprotein polypeptide A' [Source:HGNC Symbol;Acc:HGNC:11152]</t>
  </si>
  <si>
    <t>ENSG00000161016</t>
  </si>
  <si>
    <t>6132 102465978</t>
  </si>
  <si>
    <t>RPL8</t>
  </si>
  <si>
    <t>ribosomal protein L8 [Source:HGNC Symbol;Acc:HGNC:10368]</t>
  </si>
  <si>
    <t>ENSG00000136942</t>
  </si>
  <si>
    <t>RPL35</t>
  </si>
  <si>
    <t>ribosomal protein L35 [Source:HGNC Symbol;Acc:HGNC:10344]</t>
  </si>
  <si>
    <t>ENSG00000102103</t>
  </si>
  <si>
    <t>PQBP1</t>
  </si>
  <si>
    <t>polyglutamine binding protein 1 [Source:HGNC Symbol;Acc:HGNC:9330]</t>
  </si>
  <si>
    <t>ENSG00000144535</t>
  </si>
  <si>
    <t>DIS3L2</t>
  </si>
  <si>
    <t>DIS3 like 3'-5' exoribonuclease 2 [Source:HGNC Symbol;Acc:HGNC:28648]</t>
  </si>
  <si>
    <t>ENSG00000179912</t>
  </si>
  <si>
    <t>R3HDM2</t>
  </si>
  <si>
    <t>R3H domain containing 2 [Source:HGNC Symbol;Acc:HGNC:29167]</t>
  </si>
  <si>
    <t>ENSG00000101361</t>
  </si>
  <si>
    <t>10528 100302138</t>
  </si>
  <si>
    <t>NOP56</t>
  </si>
  <si>
    <t>NOP56 ribonucleoprotein [Source:HGNC Symbol;Acc:HGNC:15911]</t>
  </si>
  <si>
    <t>ENSG00000171421</t>
  </si>
  <si>
    <t>MRPL36</t>
  </si>
  <si>
    <t>mitochondrial ribosomal protein L36 [Source:HGNC Symbol;Acc:HGNC:14490]</t>
  </si>
  <si>
    <t>ENSG00000105258</t>
  </si>
  <si>
    <t>POLR2I</t>
  </si>
  <si>
    <t>RNA polymerase II subunit I [Source:HGNC Symbol;Acc:HGNC:9196]</t>
  </si>
  <si>
    <t>ENSG00000143294</t>
  </si>
  <si>
    <t>PRCC</t>
  </si>
  <si>
    <t>papillary renal cell carcinoma (translocation-associated) [Source:HGNC Symbol;Acc:HGNC:9343]</t>
  </si>
  <si>
    <t>ENSG00000196235</t>
  </si>
  <si>
    <t>SUPT5H</t>
  </si>
  <si>
    <t>SPT5 homolog, DSIF elongation factor subunit [Source:HGNC Symbol;Acc:HGNC:11469]</t>
  </si>
  <si>
    <t>ENSG00000161654</t>
  </si>
  <si>
    <t>LSM12</t>
  </si>
  <si>
    <t>LSM12 homolog [Source:HGNC Symbol;Acc:HGNC:26407]</t>
  </si>
  <si>
    <t>ENSG00000117419</t>
  </si>
  <si>
    <t>ERI3</t>
  </si>
  <si>
    <t>ERI1 exoribonuclease family member 3 [Source:HGNC Symbol;Acc:HGNC:17276]</t>
  </si>
  <si>
    <t>ENSG00000175376</t>
  </si>
  <si>
    <t>EIF1AD</t>
  </si>
  <si>
    <t>eukaryotic translation initiation factor 1A domain containing [Source:HGNC Symbol;Acc:HGNC:28147]</t>
  </si>
  <si>
    <t>ENSG00000162927</t>
  </si>
  <si>
    <t>PUS10</t>
  </si>
  <si>
    <t>pseudouridylate synthase 10 [Source:HGNC Symbol;Acc:HGNC:26505]</t>
  </si>
  <si>
    <t>ENSG00000029639</t>
  </si>
  <si>
    <t>TFB1M</t>
  </si>
  <si>
    <t>transcription factor B1, mitochondrial [Source:HGNC Symbol;Acc:HGNC:17037]</t>
  </si>
  <si>
    <t>ENSG00000270647</t>
  </si>
  <si>
    <t>TAF15</t>
  </si>
  <si>
    <t>TATA-box binding protein associated factor 15 [Source:HGNC Symbol;Acc:HGNC:11547]</t>
  </si>
  <si>
    <t>ENSG00000107223</t>
  </si>
  <si>
    <t>EDF1</t>
  </si>
  <si>
    <t>endothelial differentiation related factor 1 [Source:HGNC Symbol;Acc:HGNC:3164]</t>
  </si>
  <si>
    <t>ENSG00000147679</t>
  </si>
  <si>
    <t>UTP23</t>
  </si>
  <si>
    <t>UTP23, small subunit processome component [Source:HGNC Symbol;Acc:HGNC:28224]</t>
  </si>
  <si>
    <t>ENSG00000184898</t>
  </si>
  <si>
    <t>RBM43</t>
  </si>
  <si>
    <t>RNA binding motif protein 43 [Source:HGNC Symbol;Acc:HGNC:24790]</t>
  </si>
  <si>
    <t>ENSG00000140718</t>
  </si>
  <si>
    <t>FTO</t>
  </si>
  <si>
    <t>fat mass and obesity associated [Source:HGNC Symbol;Acc:HGNC:24678]</t>
  </si>
  <si>
    <t>ENSG00000048828</t>
  </si>
  <si>
    <t>FAM120A</t>
  </si>
  <si>
    <t>family with sequence similarity 120A [Source:HGNC Symbol;Acc:HGNC:13247]</t>
  </si>
  <si>
    <t>ENSG00000078687</t>
  </si>
  <si>
    <t>TNRC6C</t>
  </si>
  <si>
    <t>trinucleotide repeat containing 6C [Source:HGNC Symbol;Acc:HGNC:29318]</t>
  </si>
  <si>
    <t>ENSG00000130305</t>
  </si>
  <si>
    <t>NSUN5</t>
  </si>
  <si>
    <t>NOP2/Sun RNA methyltransferase family member 5 [Source:HGNC Symbol;Acc:HGNC:16385]</t>
  </si>
  <si>
    <t>ENSG00000139546</t>
  </si>
  <si>
    <t>TARBP2</t>
  </si>
  <si>
    <t>TARBP2, RISC loading complex RNA binding subunit [Source:HGNC Symbol;Acc:HGNC:11569]</t>
  </si>
  <si>
    <t>ENSG00000147403</t>
  </si>
  <si>
    <t>RPL10</t>
  </si>
  <si>
    <t>ribosomal protein L10 [Source:HGNC Symbol;Acc:HGNC:10298]</t>
  </si>
  <si>
    <t>ENSG00000112651</t>
  </si>
  <si>
    <t>MRPL2</t>
  </si>
  <si>
    <t>mitochondrial ribosomal protein L2 [Source:HGNC Symbol;Acc:HGNC:14056]</t>
  </si>
  <si>
    <t>ENSG00000125755</t>
  </si>
  <si>
    <t>SYMPK</t>
  </si>
  <si>
    <t>symplekin [Source:HGNC Symbol;Acc:HGNC:22935]</t>
  </si>
  <si>
    <t>ENSG00000163214</t>
  </si>
  <si>
    <t>DHX57</t>
  </si>
  <si>
    <t>DEAH-box helicase 57 [Source:HGNC Symbol;Acc:HGNC:20086]</t>
  </si>
  <si>
    <t>ENSG00000130520</t>
  </si>
  <si>
    <t>LSM4</t>
  </si>
  <si>
    <t>LSM4 homolog, U6 small nuclear RNA and mRNA degradation associated [Source:HGNC Symbol;Acc:HGNC:17259]</t>
  </si>
  <si>
    <t>ENSG00000100138</t>
  </si>
  <si>
    <t>SNU13</t>
  </si>
  <si>
    <t>SNU13 homolog, small nuclear ribonucleoprotein (U4/U6.U5) [Source:HGNC Symbol;Acc:HGNC:7819]</t>
  </si>
  <si>
    <t>ENSG00000187772</t>
  </si>
  <si>
    <t>LIN28B</t>
  </si>
  <si>
    <t>lin-28 homolog B [Source:HGNC Symbol;Acc:HGNC:32207]</t>
  </si>
  <si>
    <t>ENSG00000139726</t>
  </si>
  <si>
    <t>DENR</t>
  </si>
  <si>
    <t>density regulated re-initiation and release factor [Source:HGNC Symbol;Acc:HGNC:2769]</t>
  </si>
  <si>
    <t>ENSG00000181019</t>
  </si>
  <si>
    <t>NQO1</t>
  </si>
  <si>
    <t>NAD(P)H quinone dehydrogenase 1 [Source:HGNC Symbol;Acc:HGNC:2874]</t>
  </si>
  <si>
    <t>ENSG00000148187</t>
  </si>
  <si>
    <t>MRRF</t>
  </si>
  <si>
    <t>mitochondrial ribosome recycling factor [Source:HGNC Symbol;Acc:HGNC:7234]</t>
  </si>
  <si>
    <t>ENSG00000154719</t>
  </si>
  <si>
    <t>MRPL39</t>
  </si>
  <si>
    <t>mitochondrial ribosomal protein L39 [Source:HGNC Symbol;Acc:HGNC:14027]</t>
  </si>
  <si>
    <t>ENSG00000139343</t>
  </si>
  <si>
    <t>SNRPF</t>
  </si>
  <si>
    <t>small nuclear ribonucleoprotein polypeptide F [Source:HGNC Symbol;Acc:HGNC:11162]</t>
  </si>
  <si>
    <t>ENSG00000116750</t>
  </si>
  <si>
    <t>UCHL5</t>
  </si>
  <si>
    <t>ubiquitin C-terminal hydrolase L5 [Source:HGNC Symbol;Acc:HGNC:19678]</t>
  </si>
  <si>
    <t>ENSG00000147586</t>
  </si>
  <si>
    <t>MRPS28</t>
  </si>
  <si>
    <t>mitochondrial ribosomal protein S28 [Source:HGNC Symbol;Acc:HGNC:14513]</t>
  </si>
  <si>
    <t>ENSG00000211460</t>
  </si>
  <si>
    <t>TSN</t>
  </si>
  <si>
    <t>translin [Source:HGNC Symbol;Acc:HGNC:12379]</t>
  </si>
  <si>
    <t>ENSG00000232119</t>
  </si>
  <si>
    <t>MCTS1</t>
  </si>
  <si>
    <t>MCTS1, re-initiation and release factor [Source:HGNC Symbol;Acc:HGNC:23357]</t>
  </si>
  <si>
    <t>ENSG00000242372</t>
  </si>
  <si>
    <t>EIF6</t>
  </si>
  <si>
    <t>eukaryotic translation initiation factor 6 [Source:HGNC Symbol;Acc:HGNC:6159]</t>
  </si>
  <si>
    <t>ENSG00000099817</t>
  </si>
  <si>
    <t>POLR2E</t>
  </si>
  <si>
    <t>RNA polymerase II subunit E [Source:HGNC Symbol;Acc:HGNC:9192]</t>
  </si>
  <si>
    <t>ENSG00000105640</t>
  </si>
  <si>
    <t>RPL18A</t>
  </si>
  <si>
    <t>ribosomal protein L18a [Source:HGNC Symbol;Acc:HGNC:10311]</t>
  </si>
  <si>
    <t>ENSG00000100319</t>
  </si>
  <si>
    <t>ZMAT5</t>
  </si>
  <si>
    <t>zinc finger matrin-type 5 [Source:HGNC Symbol;Acc:HGNC:28046]</t>
  </si>
  <si>
    <t>ENSG00000122026</t>
  </si>
  <si>
    <t>RPL21</t>
  </si>
  <si>
    <t>ribosomal protein L21 [Source:HGNC Symbol;Acc:HGNC:10313]</t>
  </si>
  <si>
    <t>ENSG00000151657</t>
  </si>
  <si>
    <t>KIN</t>
  </si>
  <si>
    <t>Kin17 DNA and RNA binding protein [Source:HGNC Symbol;Acc:HGNC:6327]</t>
  </si>
  <si>
    <t>ENSG00000126653</t>
  </si>
  <si>
    <t>84081 494335</t>
  </si>
  <si>
    <t>NSRP1</t>
  </si>
  <si>
    <t>nuclear speckle splicing regulatory protein 1 [Source:HGNC Symbol;Acc:HGNC:25305]</t>
  </si>
  <si>
    <t>ENSG00000189369</t>
  </si>
  <si>
    <t>GSPT2</t>
  </si>
  <si>
    <t>G1 to S phase transition 2 [Source:HGNC Symbol;Acc:HGNC:4622]</t>
  </si>
  <si>
    <t>ENSG00000115268</t>
  </si>
  <si>
    <t>RPS15</t>
  </si>
  <si>
    <t>ribosomal protein S15 [Source:HGNC Symbol;Acc:HGNC:10388]</t>
  </si>
  <si>
    <t>ENSG00000130589</t>
  </si>
  <si>
    <t>HELZ2</t>
  </si>
  <si>
    <t>helicase with zinc finger 2 [Source:HGNC Symbol;Acc:HGNC:30021]</t>
  </si>
  <si>
    <t>ENSG00000126777</t>
  </si>
  <si>
    <t>KTN1</t>
  </si>
  <si>
    <t>kinectin 1 [Source:HGNC Symbol;Acc:HGNC:6467]</t>
  </si>
  <si>
    <t>ENSG00000107960</t>
  </si>
  <si>
    <t>OBFC1</t>
  </si>
  <si>
    <t>oligonucleotide/oligosaccharide binding fold containing 1 [Source:HGNC Symbol;Acc:HGNC:26200]</t>
  </si>
  <si>
    <t>ENSG00000205609</t>
  </si>
  <si>
    <t>EIF3CL</t>
  </si>
  <si>
    <t>eukaryotic translation initiation factor 3 subunit C-like [Source:HGNC Symbol;Acc:HGNC:26347]</t>
  </si>
  <si>
    <t>ENSG00000084072</t>
  </si>
  <si>
    <t>PPIE</t>
  </si>
  <si>
    <t>peptidylprolyl isomerase E [Source:HGNC Symbol;Acc:HGNC:9258]</t>
  </si>
  <si>
    <t>ENSG00000169564</t>
  </si>
  <si>
    <t>PCBP1</t>
  </si>
  <si>
    <t>poly(rC) binding protein 1 [Source:HGNC Symbol;Acc:HGNC:8647]</t>
  </si>
  <si>
    <t>ENSG00000104897</t>
  </si>
  <si>
    <t>SF3A2</t>
  </si>
  <si>
    <t>splicing factor 3a subunit 2 [Source:HGNC Symbol;Acc:HGNC:10766]</t>
  </si>
  <si>
    <t>ENSG00000120693</t>
  </si>
  <si>
    <t>SMAD9</t>
  </si>
  <si>
    <t>SMAD family member 9 [Source:HGNC Symbol;Acc:HGNC:6774]</t>
  </si>
  <si>
    <t>ENSG00000136718</t>
  </si>
  <si>
    <t>IMP4</t>
  </si>
  <si>
    <t>IMP4 homolog, U3 small nucleolar ribonucleoprotein [Source:HGNC Symbol;Acc:HGNC:30856]</t>
  </si>
  <si>
    <t>ENSG00000198056</t>
  </si>
  <si>
    <t>PRIM1</t>
  </si>
  <si>
    <t>primase (DNA) subunit 1 [Source:HGNC Symbol;Acc:HGNC:9369]</t>
  </si>
  <si>
    <t>ENSG00000218823</t>
  </si>
  <si>
    <t>PAPOLB</t>
  </si>
  <si>
    <t>poly(A) polymerase beta [Source:HGNC Symbol;Acc:HGNC:15970]</t>
  </si>
  <si>
    <t>ENSG00000186666</t>
  </si>
  <si>
    <t>BCDIN3D</t>
  </si>
  <si>
    <t>BCDIN3 domain containing RNA methyltransferase [Source:HGNC Symbol;Acc:HGNC:27050]</t>
  </si>
  <si>
    <t>ENSG00000132792</t>
  </si>
  <si>
    <t>CTNNBL1</t>
  </si>
  <si>
    <t>catenin beta like 1 [Source:HGNC Symbol;Acc:HGNC:15879]</t>
  </si>
  <si>
    <t>ENSG00000120688</t>
  </si>
  <si>
    <t>WBP4</t>
  </si>
  <si>
    <t>WW domain binding protein 4 [Source:HGNC Symbol;Acc:HGNC:12739]</t>
  </si>
  <si>
    <t>ENSG00000031698</t>
  </si>
  <si>
    <t>SARS</t>
  </si>
  <si>
    <t>seryl-tRNA synthetase [Source:HGNC Symbol;Acc:HGNC:10537]</t>
  </si>
  <si>
    <t>ENSG00000076928</t>
  </si>
  <si>
    <t>9138 100505585</t>
  </si>
  <si>
    <t>ARHGEF1</t>
  </si>
  <si>
    <t>Rho guanine nucleotide exchange factor 1 [Source:HGNC Symbol;Acc:HGNC:681]</t>
  </si>
  <si>
    <t>ENSG00000185721</t>
  </si>
  <si>
    <t>DRG1</t>
  </si>
  <si>
    <t>developmentally regulated GTP binding protein 1 [Source:HGNC Symbol;Acc:HGNC:3029]</t>
  </si>
  <si>
    <t>ENSG00000147905</t>
  </si>
  <si>
    <t>ZCCHC7</t>
  </si>
  <si>
    <t>zinc finger CCHC-type containing 7 [Source:HGNC Symbol;Acc:HGNC:26209]</t>
  </si>
  <si>
    <t>ENSG00000143748</t>
  </si>
  <si>
    <t>NVL</t>
  </si>
  <si>
    <t>nuclear VCP-like [Source:HGNC Symbol;Acc:HGNC:8070]</t>
  </si>
  <si>
    <t>ENSG00000108010</t>
  </si>
  <si>
    <t>GLRX3</t>
  </si>
  <si>
    <t>glutaredoxin 3 [Source:HGNC Symbol;Acc:HGNC:15987]</t>
  </si>
  <si>
    <t>ENSG00000116698</t>
  </si>
  <si>
    <t>SMG7</t>
  </si>
  <si>
    <t>SMG7, nonsense mediated mRNA decay factor [Source:HGNC Symbol;Acc:HGNC:16792]</t>
  </si>
  <si>
    <t>ENSG00000122140</t>
  </si>
  <si>
    <t>MRPS2</t>
  </si>
  <si>
    <t>mitochondrial ribosomal protein S2 [Source:HGNC Symbol;Acc:HGNC:14495]</t>
  </si>
  <si>
    <t>ENSG00000153914</t>
  </si>
  <si>
    <t>SREK1</t>
  </si>
  <si>
    <t>splicing regulatory glutamic acid and lysine rich protein 1 [Source:HGNC Symbol;Acc:HGNC:17882]</t>
  </si>
  <si>
    <t>ENSG00000137054</t>
  </si>
  <si>
    <t>POLR1E</t>
  </si>
  <si>
    <t>RNA polymerase I subunit E [Source:HGNC Symbol;Acc:HGNC:17631]</t>
  </si>
  <si>
    <t>ENSG00000241343</t>
  </si>
  <si>
    <t>RPL36A</t>
  </si>
  <si>
    <t>ribosomal protein L36a [Source:HGNC Symbol;Acc:HGNC:10359]</t>
  </si>
  <si>
    <t>ENSG00000116539</t>
  </si>
  <si>
    <t>55870 693140</t>
  </si>
  <si>
    <t>ASH1L</t>
  </si>
  <si>
    <t>ASH1 like histone lysine methyltransferase [Source:HGNC Symbol;Acc:HGNC:19088]</t>
  </si>
  <si>
    <t>ENSG00000163541</t>
  </si>
  <si>
    <t>SUCLG1</t>
  </si>
  <si>
    <t>succinate-CoA ligase alpha subunit [Source:HGNC Symbol;Acc:HGNC:11449]</t>
  </si>
  <si>
    <t>ENSG00000062582</t>
  </si>
  <si>
    <t>MRPS24</t>
  </si>
  <si>
    <t>mitochondrial ribosomal protein S24 [Source:HGNC Symbol;Acc:HGNC:14510]</t>
  </si>
  <si>
    <t>ENSG00000204316</t>
  </si>
  <si>
    <t>MRPL38</t>
  </si>
  <si>
    <t>mitochondrial ribosomal protein L38 [Source:HGNC Symbol;Acc:HGNC:14033]</t>
  </si>
  <si>
    <t>ENSG00000163882</t>
  </si>
  <si>
    <t>POLR2H</t>
  </si>
  <si>
    <t>RNA polymerase II subunit H [Source:HGNC Symbol;Acc:HGNC:9195]</t>
  </si>
  <si>
    <t>ENSG00000128626</t>
  </si>
  <si>
    <t>MRPS12</t>
  </si>
  <si>
    <t>mitochondrial ribosomal protein S12 [Source:HGNC Symbol;Acc:HGNC:10380]</t>
  </si>
  <si>
    <t>ENSG00000170515</t>
  </si>
  <si>
    <t>PA2G4</t>
  </si>
  <si>
    <t>proliferation-associated 2G4 [Source:HGNC Symbol;Acc:HGNC:8550]</t>
  </si>
  <si>
    <t>ENSG00000111142</t>
  </si>
  <si>
    <t>METAP2</t>
  </si>
  <si>
    <t>methionyl aminopeptidase 2 [Source:HGNC Symbol;Acc:HGNC:16672]</t>
  </si>
  <si>
    <t>ENSG00000005075</t>
  </si>
  <si>
    <t>POLR2J</t>
  </si>
  <si>
    <t>RNA polymerase II subunit J [Source:HGNC Symbol;Acc:HGNC:9197]</t>
  </si>
  <si>
    <t>ENSG00000085231</t>
  </si>
  <si>
    <t>AK6</t>
  </si>
  <si>
    <t>adenylate kinase 6 [Source:HGNC Symbol;Acc:HGNC:49151]</t>
  </si>
  <si>
    <t>ENSG00000198746</t>
  </si>
  <si>
    <t>GPATCH3</t>
  </si>
  <si>
    <t>G-patch domain containing 3 [Source:HGNC Symbol;Acc:HGNC:25720]</t>
  </si>
  <si>
    <t>ENSG00000112031</t>
  </si>
  <si>
    <t>MTRF1L</t>
  </si>
  <si>
    <t>mitochondrial translational release factor 1 like [Source:HGNC Symbol;Acc:HGNC:21051]</t>
  </si>
  <si>
    <t>ENSG00000138399</t>
  </si>
  <si>
    <t>FASTKD1</t>
  </si>
  <si>
    <t>FAST kinase domains 1 [Source:HGNC Symbol;Acc:HGNC:26150]</t>
  </si>
  <si>
    <t>ENSG00000065526</t>
  </si>
  <si>
    <t>SPEN</t>
  </si>
  <si>
    <t>spen family transcriptional repressor [Source:HGNC Symbol;Acc:HGNC:17575]</t>
  </si>
  <si>
    <t>ENSG00000121274</t>
  </si>
  <si>
    <t>PAPD5</t>
  </si>
  <si>
    <t>poly(A) RNA polymerase D5, non-canonical [Source:HGNC Symbol;Acc:HGNC:30758]</t>
  </si>
  <si>
    <t>ENSG00000159140</t>
  </si>
  <si>
    <t>6651 102465248</t>
  </si>
  <si>
    <t>SON</t>
  </si>
  <si>
    <t>SON DNA binding protein [Source:HGNC Symbol;Acc:HGNC:11183]</t>
  </si>
  <si>
    <t>ENSG00000112339</t>
  </si>
  <si>
    <t>HBS1L</t>
  </si>
  <si>
    <t>HBS1 like translational GTPase [Source:HGNC Symbol;Acc:HGNC:4834]</t>
  </si>
  <si>
    <t>ENSG00000153048</t>
  </si>
  <si>
    <t>CARHSP1</t>
  </si>
  <si>
    <t>calcium regulated heat stable protein 1 [Source:HGNC Symbol;Acc:HGNC:17150]</t>
  </si>
  <si>
    <t>ENSG00000025796</t>
  </si>
  <si>
    <t>SEC63</t>
  </si>
  <si>
    <t>SEC63 homolog, protein translocation regulator [Source:HGNC Symbol;Acc:HGNC:21082]</t>
  </si>
  <si>
    <t>ENSG00000132300</t>
  </si>
  <si>
    <t>PTCD3</t>
  </si>
  <si>
    <t>pentatricopeptide repeat domain 3 [Source:HGNC Symbol;Acc:HGNC:24717]</t>
  </si>
  <si>
    <t>ENSG00000132478</t>
  </si>
  <si>
    <t>UNK</t>
  </si>
  <si>
    <t>unkempt family zinc finger [Source:HGNC Symbol;Acc:HGNC:29369]</t>
  </si>
  <si>
    <t>ENSG00000182134</t>
  </si>
  <si>
    <t>TDRKH</t>
  </si>
  <si>
    <t>tudor and KH domain containing [Source:HGNC Symbol;Acc:HGNC:11713]</t>
  </si>
  <si>
    <t>ENSG00000115484</t>
  </si>
  <si>
    <t>CCT4</t>
  </si>
  <si>
    <t>chaperonin containing TCP1 subunit 4 [Source:HGNC Symbol;Acc:HGNC:1617]</t>
  </si>
  <si>
    <t>ENSG00000149743</t>
  </si>
  <si>
    <t>TRPT1</t>
  </si>
  <si>
    <t>tRNA phosphotransferase 1 [Source:HGNC Symbol;Acc:HGNC:20316]</t>
  </si>
  <si>
    <t>ENSG00000169612</t>
  </si>
  <si>
    <t>FAM103A1</t>
  </si>
  <si>
    <t>family with sequence similarity 103 member A1 [Source:HGNC Symbol;Acc:HGNC:31022]</t>
  </si>
  <si>
    <t>ENSG00000119711</t>
  </si>
  <si>
    <t>ALDH6A1</t>
  </si>
  <si>
    <t>aldehyde dehydrogenase 6 family member A1 [Source:HGNC Symbol;Acc:HGNC:7179]</t>
  </si>
  <si>
    <t>ENSG00000247315</t>
  </si>
  <si>
    <t>ZCCHC3</t>
  </si>
  <si>
    <t>zinc finger CCHC-type containing 3 [Source:HGNC Symbol;Acc:HGNC:16230]</t>
  </si>
  <si>
    <t>ENSG00000108829</t>
  </si>
  <si>
    <t>LRRC59</t>
  </si>
  <si>
    <t>leucine rich repeat containing 59 [Source:HGNC Symbol;Acc:HGNC:28817]</t>
  </si>
  <si>
    <t>ENSG00000105705</t>
  </si>
  <si>
    <t>SUGP1</t>
  </si>
  <si>
    <t>SURP and G-patch domain containing 1 [Source:HGNC Symbol;Acc:HGNC:18643]</t>
  </si>
  <si>
    <t>ENSG00000143977</t>
  </si>
  <si>
    <t>SNRPG</t>
  </si>
  <si>
    <t>small nuclear ribonucleoprotein polypeptide G [Source:HGNC Symbol;Acc:HGNC:11163]</t>
  </si>
  <si>
    <t>ENSG00000079785</t>
  </si>
  <si>
    <t>DDX1</t>
  </si>
  <si>
    <t>DEAD/H-box helicase 1 [Source:HGNC Symbol;Acc:HGNC:2734]</t>
  </si>
  <si>
    <t>ENSG00000105298</t>
  </si>
  <si>
    <t>CACTIN</t>
  </si>
  <si>
    <t>cactin, spliceosome C complex subunit [Source:HGNC Symbol;Acc:HGNC:29938]</t>
  </si>
  <si>
    <t>ENSG00000083845</t>
  </si>
  <si>
    <t>RPS5</t>
  </si>
  <si>
    <t>ribosomal protein S5 [Source:HGNC Symbol;Acc:HGNC:10426]</t>
  </si>
  <si>
    <t>ENSG00000123908</t>
  </si>
  <si>
    <t>AGO2</t>
  </si>
  <si>
    <t>argonaute 2, RISC catalytic component [Source:HGNC Symbol;Acc:HGNC:3263]</t>
  </si>
  <si>
    <t>ENSG00000099899</t>
  </si>
  <si>
    <t>TRMT2A</t>
  </si>
  <si>
    <t>tRNA methyltransferase 2 homolog A [Source:HGNC Symbol;Acc:HGNC:24974]</t>
  </si>
  <si>
    <t>ENSG00000123136</t>
  </si>
  <si>
    <t>DDX39A</t>
  </si>
  <si>
    <t>DEAD-box helicase 39A [Source:HGNC Symbol;Acc:HGNC:17821]</t>
  </si>
  <si>
    <t>ENSG00000240344</t>
  </si>
  <si>
    <t>PPIL3</t>
  </si>
  <si>
    <t>peptidylprolyl isomerase like 3 [Source:HGNC Symbol;Acc:HGNC:9262]</t>
  </si>
  <si>
    <t>ENSG00000168438</t>
  </si>
  <si>
    <t>CDC40</t>
  </si>
  <si>
    <t>cell division cycle 40 [Source:HGNC Symbol;Acc:HGNC:17350]</t>
  </si>
  <si>
    <t>ENSG00000110104</t>
  </si>
  <si>
    <t>CCDC86</t>
  </si>
  <si>
    <t>coiled-coil domain containing 86 [Source:HGNC Symbol;Acc:HGNC:28359]</t>
  </si>
  <si>
    <t>ENSG00000162639</t>
  </si>
  <si>
    <t>HENMT1</t>
  </si>
  <si>
    <t>HEN1 methyltransferase homolog 1 [Source:HGNC Symbol;Acc:HGNC:26400]</t>
  </si>
  <si>
    <t>ENSG00000074071</t>
  </si>
  <si>
    <t>MRPS34</t>
  </si>
  <si>
    <t>mitochondrial ribosomal protein S34 [Source:HGNC Symbol;Acc:HGNC:16618]</t>
  </si>
  <si>
    <t>ENSG00000196305</t>
  </si>
  <si>
    <t>IARS</t>
  </si>
  <si>
    <t>isoleucyl-tRNA synthetase [Source:HGNC Symbol;Acc:HGNC:5330]</t>
  </si>
  <si>
    <t>ENSG00000007080</t>
  </si>
  <si>
    <t>CCDC124</t>
  </si>
  <si>
    <t>coiled-coil domain containing 124 [Source:HGNC Symbol;Acc:HGNC:25171]</t>
  </si>
  <si>
    <t>ENSG00000263465</t>
  </si>
  <si>
    <t>SRSF8</t>
  </si>
  <si>
    <t>serine and arginine rich splicing factor 8 [Source:HGNC Symbol;Acc:HGNC:16988]</t>
  </si>
  <si>
    <t>ENSG00000196924</t>
  </si>
  <si>
    <t>FLNA</t>
  </si>
  <si>
    <t>filamin A [Source:HGNC Symbol;Acc:HGNC:3754]</t>
  </si>
  <si>
    <t>ENSG00000240682</t>
  </si>
  <si>
    <t>ISY1</t>
  </si>
  <si>
    <t>ISY1 splicing factor homolog [Source:HGNC Symbol;Acc:HGNC:29201]</t>
  </si>
  <si>
    <t>ENSG00000118197</t>
  </si>
  <si>
    <t>DDX59</t>
  </si>
  <si>
    <t>DEAD-box helicase 59 [Source:HGNC Symbol;Acc:HGNC:25360]</t>
  </si>
  <si>
    <t>ENSG00000100802</t>
  </si>
  <si>
    <t>C14orf93</t>
  </si>
  <si>
    <t>chromosome 14 open reading frame 93 [Source:HGNC Symbol;Acc:HGNC:20162]</t>
  </si>
  <si>
    <t>ENSG00000197114</t>
  </si>
  <si>
    <t>ZGPAT</t>
  </si>
  <si>
    <t>zinc finger CCCH-type and G-patch domain containing [Source:HGNC Symbol;Acc:HGNC:15948]</t>
  </si>
  <si>
    <t>ENSG00000161265</t>
  </si>
  <si>
    <t>U2AF1L4</t>
  </si>
  <si>
    <t>U2 small nuclear RNA auxiliary factor 1 like 4 [Source:HGNC Symbol;Acc:HGNC:23020]</t>
  </si>
  <si>
    <t>ENSG00000113387</t>
  </si>
  <si>
    <t>SUB1</t>
  </si>
  <si>
    <t>SUB1 homolog, transcriptional regulator [Source:HGNC Symbol;Acc:HGNC:19985]</t>
  </si>
  <si>
    <t>ENSG00000116747</t>
  </si>
  <si>
    <t>TROVE2</t>
  </si>
  <si>
    <t>TROVE domain family member 2 [Source:HGNC Symbol;Acc:HGNC:11313]</t>
  </si>
  <si>
    <t>ENSG00000104859</t>
  </si>
  <si>
    <t>CLASRP</t>
  </si>
  <si>
    <t>CLK4 associating serine/arginine rich protein [Source:HGNC Symbol;Acc:HGNC:17731]</t>
  </si>
  <si>
    <t>ENSG00000182934</t>
  </si>
  <si>
    <t>SRPRA</t>
  </si>
  <si>
    <t>SRP receptor alpha subunit [Source:HGNC Symbol;Acc:HGNC:11307]</t>
  </si>
  <si>
    <t>ENSG00000129317</t>
  </si>
  <si>
    <t>PUS7L</t>
  </si>
  <si>
    <t>pseudouridylate synthase 7 like [Source:HGNC Symbol;Acc:HGNC:25276]</t>
  </si>
  <si>
    <t>ENSG00000163714</t>
  </si>
  <si>
    <t>U2SURP</t>
  </si>
  <si>
    <t>U2 snRNP associated SURP domain containing [Source:HGNC Symbol;Acc:HGNC:30855]</t>
  </si>
  <si>
    <t>ENSG00000129347</t>
  </si>
  <si>
    <t>KRI1</t>
  </si>
  <si>
    <t>KRI1 homolog [Source:HGNC Symbol;Acc:HGNC:25769]</t>
  </si>
  <si>
    <t>ENSG00000145331</t>
  </si>
  <si>
    <t>TRMT10A</t>
  </si>
  <si>
    <t>tRNA methyltransferase 10A [Source:HGNC Symbol;Acc:HGNC:28403]</t>
  </si>
  <si>
    <t>ENSG00000167978</t>
  </si>
  <si>
    <t>SRRM2</t>
  </si>
  <si>
    <t>serine/arginine repetitive matrix 2 [Source:HGNC Symbol;Acc:HGNC:16639]</t>
  </si>
  <si>
    <t>ENSG00000185418</t>
  </si>
  <si>
    <t>TARSL2</t>
  </si>
  <si>
    <t>threonyl-tRNA synthetase like 2 [Source:HGNC Symbol;Acc:HGNC:24728]</t>
  </si>
  <si>
    <t>ENSG00000054118</t>
  </si>
  <si>
    <t>THRAP3</t>
  </si>
  <si>
    <t>thyroid hormone receptor associated protein 3 [Source:HGNC Symbol;Acc:HGNC:22964]</t>
  </si>
  <si>
    <t>ENSG00000204392</t>
  </si>
  <si>
    <t>LSM2</t>
  </si>
  <si>
    <t>LSM2 homolog, U6 small nuclear RNA and mRNA degradation associated [Source:HGNC Symbol;Acc:HGNC:13940]</t>
  </si>
  <si>
    <t>ENSG00000164022</t>
  </si>
  <si>
    <t>AIMP1</t>
  </si>
  <si>
    <t>aminoacyl tRNA synthetase complex interacting multifunctional protein 1 [Source:HGNC Symbol;Acc:HGNC:10648]</t>
  </si>
  <si>
    <t>ENSG00000168028</t>
  </si>
  <si>
    <t>RPSA</t>
  </si>
  <si>
    <t>ribosomal protein SA [Source:HGNC Symbol;Acc:HGNC:6502]</t>
  </si>
  <si>
    <t>ENSG00000167862</t>
  </si>
  <si>
    <t>MRPL58</t>
  </si>
  <si>
    <t>mitochondrial ribosomal protein L58 [Source:HGNC Symbol;Acc:HGNC:5359]</t>
  </si>
  <si>
    <t>ENSG00000172733</t>
  </si>
  <si>
    <t>PURG</t>
  </si>
  <si>
    <t>purine rich element binding protein G [Source:HGNC Symbol;Acc:HGNC:17930]</t>
  </si>
  <si>
    <t>ENSG00000170860</t>
  </si>
  <si>
    <t>LSM3</t>
  </si>
  <si>
    <t>LSM3 homolog, U6 small nuclear RNA and mRNA degradation associated [Source:HGNC Symbol;Acc:HGNC:17874]</t>
  </si>
  <si>
    <t>ENSG00000011243</t>
  </si>
  <si>
    <t>AKAP8L</t>
  </si>
  <si>
    <t>A-kinase anchoring protein 8 like [Source:HGNC Symbol;Acc:HGNC:29857]</t>
  </si>
  <si>
    <t>ENSG00000066044</t>
  </si>
  <si>
    <t>ELAVL1</t>
  </si>
  <si>
    <t>ELAV like RNA binding protein 1 [Source:HGNC Symbol;Acc:HGNC:3312]</t>
  </si>
  <si>
    <t>ENSG00000177600</t>
  </si>
  <si>
    <t>RPLP2</t>
  </si>
  <si>
    <t>ribosomal protein lateral stalk subunit P2 [Source:HGNC Symbol;Acc:HGNC:10377]</t>
  </si>
  <si>
    <t>ENSG00000204469</t>
  </si>
  <si>
    <t>PRRC2A</t>
  </si>
  <si>
    <t>proline rich coiled-coil 2A [Source:HGNC Symbol;Acc:HGNC:13918]</t>
  </si>
  <si>
    <t>ENSG00000266967</t>
  </si>
  <si>
    <t>AARSD1</t>
  </si>
  <si>
    <t>alanyl-tRNA synthetase domain containing 1 [Source:HGNC Symbol;Acc:HGNC:28417]</t>
  </si>
  <si>
    <t>ENSG00000182154</t>
  </si>
  <si>
    <t>MRPL41</t>
  </si>
  <si>
    <t>mitochondrial ribosomal protein L41 [Source:HGNC Symbol;Acc:HGNC:14492]</t>
  </si>
  <si>
    <t>ENSG00000225921</t>
  </si>
  <si>
    <t>NOL7</t>
  </si>
  <si>
    <t>nucleolar protein 7 [Source:HGNC Symbol;Acc:HGNC:21040]</t>
  </si>
  <si>
    <t>ENSG00000105576</t>
  </si>
  <si>
    <t>TNPO2</t>
  </si>
  <si>
    <t>transportin 2 [Source:HGNC Symbol;Acc:HGNC:19998]</t>
  </si>
  <si>
    <t>ENSG00000136897</t>
  </si>
  <si>
    <t>MRPL50</t>
  </si>
  <si>
    <t>mitochondrial ribosomal protein L50 [Source:HGNC Symbol;Acc:HGNC:16654]</t>
  </si>
  <si>
    <t>ENSG00000169251</t>
  </si>
  <si>
    <t>NMD3</t>
  </si>
  <si>
    <t>NMD3 ribosome export adaptor [Source:HGNC Symbol;Acc:HGNC:24250]</t>
  </si>
  <si>
    <t>ENSG00000110844</t>
  </si>
  <si>
    <t>PRPF40B</t>
  </si>
  <si>
    <t>pre-mRNA processing factor 40 homolog B [Source:HGNC Symbol;Acc:HGNC:25031]</t>
  </si>
  <si>
    <t>ENSG00000122257</t>
  </si>
  <si>
    <t>RBBP6</t>
  </si>
  <si>
    <t>RB binding protein 6, ubiquitin ligase [Source:HGNC Symbol;Acc:HGNC:9889]</t>
  </si>
  <si>
    <t>ENSG00000075856</t>
  </si>
  <si>
    <t>SART3</t>
  </si>
  <si>
    <t>squamous cell carcinoma antigen recognized by T-cells 3 [Source:HGNC Symbol;Acc:HGNC:16860]</t>
  </si>
  <si>
    <t>ENSG00000013523</t>
  </si>
  <si>
    <t>ANGEL1</t>
  </si>
  <si>
    <t>angel homolog 1 [Source:HGNC Symbol;Acc:HGNC:19961]</t>
  </si>
  <si>
    <t>ENSG00000023191</t>
  </si>
  <si>
    <t>RNH1</t>
  </si>
  <si>
    <t>ribonuclease/angiogenin inhibitor 1 [Source:HGNC Symbol;Acc:HGNC:10074]</t>
  </si>
  <si>
    <t>ENSG00000011260</t>
  </si>
  <si>
    <t>UTP18</t>
  </si>
  <si>
    <t>UTP18, small subunit processome component [Source:HGNC Symbol;Acc:HGNC:24274]</t>
  </si>
  <si>
    <t>ENSG00000055332</t>
  </si>
  <si>
    <t>EIF2AK2</t>
  </si>
  <si>
    <t>eukaryotic translation initiation factor 2 alpha kinase 2 [Source:HGNC Symbol;Acc:HGNC:9437]</t>
  </si>
  <si>
    <t>ENSG00000144895</t>
  </si>
  <si>
    <t>EIF2A</t>
  </si>
  <si>
    <t>eukaryotic translation initiation factor 2A [Source:HGNC Symbol;Acc:HGNC:3254]</t>
  </si>
  <si>
    <t>ENSG00000107290</t>
  </si>
  <si>
    <t>SETX</t>
  </si>
  <si>
    <t>senataxin [Source:HGNC Symbol;Acc:HGNC:445]</t>
  </si>
  <si>
    <t>ENSG00000124608</t>
  </si>
  <si>
    <t>AARS2</t>
  </si>
  <si>
    <t>alanyl-tRNA synthetase 2, mitochondrial [Source:HGNC Symbol;Acc:HGNC:21022]</t>
  </si>
  <si>
    <t>ENSG00000152601</t>
  </si>
  <si>
    <t>MBNL1</t>
  </si>
  <si>
    <t>muscleblind like splicing regulator 1 [Source:HGNC Symbol;Acc:HGNC:6923]</t>
  </si>
  <si>
    <t>Expression profiles of 1636 RNA-binding protei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2"/>
      <color theme="1"/>
      <name val="HELVETICA"/>
    </font>
    <font>
      <sz val="11"/>
      <color theme="1"/>
      <name val="HELVETICA"/>
    </font>
    <font>
      <b/>
      <sz val="11"/>
      <color theme="1"/>
      <name val="HELVETICA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17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rgb="FFB2B2B2"/>
      </right>
      <top/>
      <bottom style="thin">
        <color rgb="FFB2B2B2"/>
      </bottom>
      <diagonal/>
    </border>
    <border>
      <left style="thin">
        <color rgb="FFB2B2B2"/>
      </left>
      <right style="thin">
        <color rgb="FFB2B2B2"/>
      </right>
      <top/>
      <bottom style="thin">
        <color rgb="FFB2B2B2"/>
      </bottom>
      <diagonal/>
    </border>
    <border>
      <left style="thin">
        <color rgb="FFB2B2B2"/>
      </left>
      <right style="thin">
        <color indexed="64"/>
      </right>
      <top/>
      <bottom style="thin">
        <color rgb="FFB2B2B2"/>
      </bottom>
      <diagonal/>
    </border>
    <border>
      <left style="thin">
        <color indexed="64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B2B2B2"/>
      </left>
      <right style="thin">
        <color indexed="64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rgb="FFB2B2B2"/>
      </right>
      <top style="thin">
        <color rgb="FFB2B2B2"/>
      </top>
      <bottom style="thin">
        <color indexed="64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indexed="64"/>
      </bottom>
      <diagonal/>
    </border>
    <border>
      <left style="thin">
        <color rgb="FFB2B2B2"/>
      </left>
      <right style="thin">
        <color indexed="64"/>
      </right>
      <top style="thin">
        <color rgb="FFB2B2B2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2" borderId="1" applyNumberFormat="0" applyFont="0" applyAlignment="0" applyProtection="0"/>
  </cellStyleXfs>
  <cellXfs count="32">
    <xf numFmtId="0" fontId="0" fillId="0" borderId="0" xfId="0"/>
    <xf numFmtId="0" fontId="2" fillId="0" borderId="2" xfId="0" applyFont="1" applyBorder="1" applyAlignment="1">
      <alignment horizontal="center" vertical="center"/>
    </xf>
    <xf numFmtId="0" fontId="3" fillId="0" borderId="0" xfId="0" applyFont="1"/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0" xfId="0" applyFont="1"/>
    <xf numFmtId="0" fontId="4" fillId="2" borderId="3" xfId="1" applyFont="1" applyBorder="1" applyAlignment="1">
      <alignment vertical="center"/>
    </xf>
    <xf numFmtId="0" fontId="3" fillId="0" borderId="0" xfId="0" applyFont="1" applyAlignment="1">
      <alignment horizontal="center"/>
    </xf>
    <xf numFmtId="11" fontId="3" fillId="0" borderId="5" xfId="0" applyNumberFormat="1" applyFont="1" applyBorder="1" applyAlignment="1">
      <alignment horizontal="center"/>
    </xf>
    <xf numFmtId="11" fontId="3" fillId="0" borderId="0" xfId="0" applyNumberFormat="1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6" xfId="0" applyFont="1" applyBorder="1" applyAlignment="1">
      <alignment horizontal="center"/>
    </xf>
    <xf numFmtId="0" fontId="3" fillId="2" borderId="7" xfId="1" applyFont="1" applyBorder="1"/>
    <xf numFmtId="0" fontId="3" fillId="2" borderId="8" xfId="1" applyFont="1" applyBorder="1"/>
    <xf numFmtId="11" fontId="3" fillId="2" borderId="8" xfId="1" applyNumberFormat="1" applyFont="1" applyBorder="1"/>
    <xf numFmtId="0" fontId="3" fillId="2" borderId="9" xfId="1" applyFont="1" applyBorder="1"/>
    <xf numFmtId="0" fontId="3" fillId="2" borderId="10" xfId="1" applyFont="1" applyBorder="1"/>
    <xf numFmtId="0" fontId="3" fillId="2" borderId="1" xfId="1" applyFont="1"/>
    <xf numFmtId="11" fontId="3" fillId="2" borderId="1" xfId="1" applyNumberFormat="1" applyFont="1"/>
    <xf numFmtId="0" fontId="3" fillId="2" borderId="11" xfId="1" applyFont="1" applyBorder="1"/>
    <xf numFmtId="0" fontId="3" fillId="2" borderId="12" xfId="1" applyFont="1" applyBorder="1"/>
    <xf numFmtId="0" fontId="3" fillId="2" borderId="13" xfId="1" applyFont="1" applyBorder="1"/>
    <xf numFmtId="11" fontId="3" fillId="2" borderId="13" xfId="1" applyNumberFormat="1" applyFont="1" applyBorder="1"/>
    <xf numFmtId="0" fontId="3" fillId="2" borderId="14" xfId="1" applyFont="1" applyBorder="1"/>
    <xf numFmtId="11" fontId="3" fillId="0" borderId="0" xfId="0" applyNumberFormat="1" applyFont="1"/>
    <xf numFmtId="0" fontId="3" fillId="0" borderId="5" xfId="0" applyFont="1" applyBorder="1" applyAlignment="1">
      <alignment horizontal="center"/>
    </xf>
    <xf numFmtId="0" fontId="3" fillId="0" borderId="15" xfId="0" applyFont="1" applyBorder="1" applyAlignment="1">
      <alignment horizontal="center"/>
    </xf>
    <xf numFmtId="0" fontId="3" fillId="0" borderId="2" xfId="0" applyFont="1" applyBorder="1" applyAlignment="1">
      <alignment horizontal="center"/>
    </xf>
    <xf numFmtId="0" fontId="3" fillId="0" borderId="2" xfId="0" applyFont="1" applyBorder="1" applyAlignment="1">
      <alignment horizontal="center" wrapText="1"/>
    </xf>
    <xf numFmtId="0" fontId="3" fillId="0" borderId="16" xfId="0" applyFont="1" applyBorder="1" applyAlignment="1">
      <alignment horizontal="center"/>
    </xf>
    <xf numFmtId="0" fontId="3" fillId="0" borderId="0" xfId="0" applyFont="1" applyAlignment="1">
      <alignment wrapText="1"/>
    </xf>
  </cellXfs>
  <cellStyles count="2">
    <cellStyle name="Normal" xfId="0" builtinId="0"/>
    <cellStyle name="Note" xfId="1" builtinId="1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'[1]Supplementary Table 1'!$AH$1</c:f>
              <c:strCache>
                <c:ptCount val="1"/>
                <c:pt idx="0">
                  <c:v>logF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141B-43C8-9524-36B8AE6629FD}"/>
              </c:ext>
            </c:extLst>
          </c:dPt>
          <c:dPt>
            <c:idx val="1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141B-43C8-9524-36B8AE6629FD}"/>
              </c:ext>
            </c:extLst>
          </c:dPt>
          <c:dPt>
            <c:idx val="2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141B-43C8-9524-36B8AE6629FD}"/>
              </c:ext>
            </c:extLst>
          </c:dPt>
          <c:dPt>
            <c:idx val="3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141B-43C8-9524-36B8AE6629FD}"/>
              </c:ext>
            </c:extLst>
          </c:dPt>
          <c:dPt>
            <c:idx val="4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141B-43C8-9524-36B8AE6629FD}"/>
              </c:ext>
            </c:extLst>
          </c:dPt>
          <c:dPt>
            <c:idx val="5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141B-43C8-9524-36B8AE6629FD}"/>
              </c:ext>
            </c:extLst>
          </c:dPt>
          <c:dPt>
            <c:idx val="6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141B-43C8-9524-36B8AE6629FD}"/>
              </c:ext>
            </c:extLst>
          </c:dPt>
          <c:dPt>
            <c:idx val="7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F-141B-43C8-9524-36B8AE6629FD}"/>
              </c:ext>
            </c:extLst>
          </c:dPt>
          <c:dPt>
            <c:idx val="8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141B-43C8-9524-36B8AE6629FD}"/>
              </c:ext>
            </c:extLst>
          </c:dPt>
          <c:dPt>
            <c:idx val="9"/>
            <c:invertIfNegative val="0"/>
            <c:bubble3D val="0"/>
            <c:spPr>
              <a:solidFill>
                <a:srgbClr val="C0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141B-43C8-9524-36B8AE6629FD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141B-43C8-9524-36B8AE6629FD}"/>
              </c:ext>
            </c:extLst>
          </c:dPt>
          <c:dPt>
            <c:idx val="11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141B-43C8-9524-36B8AE6629FD}"/>
              </c:ext>
            </c:extLst>
          </c:dPt>
          <c:dPt>
            <c:idx val="12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141B-43C8-9524-36B8AE6629FD}"/>
              </c:ext>
            </c:extLst>
          </c:dPt>
          <c:dPt>
            <c:idx val="13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141B-43C8-9524-36B8AE6629FD}"/>
              </c:ext>
            </c:extLst>
          </c:dPt>
          <c:dPt>
            <c:idx val="14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141B-43C8-9524-36B8AE6629FD}"/>
              </c:ext>
            </c:extLst>
          </c:dPt>
          <c:dPt>
            <c:idx val="15"/>
            <c:invertIfNegative val="0"/>
            <c:bubble3D val="0"/>
            <c:spPr>
              <a:solidFill>
                <a:schemeClr val="accent6">
                  <a:lumMod val="5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141B-43C8-9524-36B8AE6629FD}"/>
              </c:ext>
            </c:extLst>
          </c:dPt>
          <c:cat>
            <c:strRef>
              <c:f>'[1]Supplementary Table 1'!$AG$2:$AG$17</c:f>
              <c:strCache>
                <c:ptCount val="16"/>
                <c:pt idx="0">
                  <c:v>KRT18</c:v>
                </c:pt>
                <c:pt idx="1">
                  <c:v>PPARGC1A</c:v>
                </c:pt>
                <c:pt idx="2">
                  <c:v>AFF3</c:v>
                </c:pt>
                <c:pt idx="3">
                  <c:v>CDC42EP4</c:v>
                </c:pt>
                <c:pt idx="4">
                  <c:v>OAS3</c:v>
                </c:pt>
                <c:pt idx="5">
                  <c:v>DDX60L</c:v>
                </c:pt>
                <c:pt idx="6">
                  <c:v>AHNAK</c:v>
                </c:pt>
                <c:pt idx="7">
                  <c:v>TNS1</c:v>
                </c:pt>
                <c:pt idx="8">
                  <c:v>SRRM3</c:v>
                </c:pt>
                <c:pt idx="9">
                  <c:v>FBLL1</c:v>
                </c:pt>
                <c:pt idx="10">
                  <c:v>IFI16</c:v>
                </c:pt>
                <c:pt idx="11">
                  <c:v>AATF</c:v>
                </c:pt>
                <c:pt idx="12">
                  <c:v>RNASE1</c:v>
                </c:pt>
                <c:pt idx="13">
                  <c:v>CELF2</c:v>
                </c:pt>
                <c:pt idx="14">
                  <c:v>TDRD7</c:v>
                </c:pt>
                <c:pt idx="15">
                  <c:v>ELAVL4</c:v>
                </c:pt>
              </c:strCache>
            </c:strRef>
          </c:cat>
          <c:val>
            <c:numRef>
              <c:f>'[1]Supplementary Table 1'!$AH$2:$AH$17</c:f>
              <c:numCache>
                <c:formatCode>General</c:formatCode>
                <c:ptCount val="16"/>
                <c:pt idx="0">
                  <c:v>-7.51784122879672</c:v>
                </c:pt>
                <c:pt idx="1">
                  <c:v>-5.5845218757010704</c:v>
                </c:pt>
                <c:pt idx="2">
                  <c:v>-4.10181751791675</c:v>
                </c:pt>
                <c:pt idx="3">
                  <c:v>-3.5136431627647098</c:v>
                </c:pt>
                <c:pt idx="4">
                  <c:v>-3.4505515061503198</c:v>
                </c:pt>
                <c:pt idx="5">
                  <c:v>-2.8960651852397099</c:v>
                </c:pt>
                <c:pt idx="6">
                  <c:v>-2.8256513477324501</c:v>
                </c:pt>
                <c:pt idx="7">
                  <c:v>-2.4848654168029101</c:v>
                </c:pt>
                <c:pt idx="8">
                  <c:v>-2.3097085647292799</c:v>
                </c:pt>
                <c:pt idx="9">
                  <c:v>-2.1464927782936898</c:v>
                </c:pt>
                <c:pt idx="10">
                  <c:v>2.0168483476519499</c:v>
                </c:pt>
                <c:pt idx="11">
                  <c:v>2.0449009593372001</c:v>
                </c:pt>
                <c:pt idx="12">
                  <c:v>2.4271551699106202</c:v>
                </c:pt>
                <c:pt idx="13">
                  <c:v>3.1915299891529401</c:v>
                </c:pt>
                <c:pt idx="14">
                  <c:v>3.4625554102089899</c:v>
                </c:pt>
                <c:pt idx="15">
                  <c:v>6.044218936992019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141B-43C8-9524-36B8AE6629F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63"/>
        <c:axId val="862954912"/>
        <c:axId val="862957408"/>
      </c:barChart>
      <c:catAx>
        <c:axId val="862954912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62957408"/>
        <c:crosses val="autoZero"/>
        <c:auto val="1"/>
        <c:lblAlgn val="ctr"/>
        <c:lblOffset val="100"/>
        <c:noMultiLvlLbl val="0"/>
      </c:catAx>
      <c:valAx>
        <c:axId val="8629574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6295491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0</xdr:col>
      <xdr:colOff>409575</xdr:colOff>
      <xdr:row>21</xdr:row>
      <xdr:rowOff>9524</xdr:rowOff>
    </xdr:from>
    <xdr:to>
      <xdr:col>30</xdr:col>
      <xdr:colOff>590550</xdr:colOff>
      <xdr:row>40</xdr:row>
      <xdr:rowOff>13334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BCFD162-7168-4D02-8DFA-1DE2E3E820A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4406455\Desktop\milestones\myThesis\ERNST\TableS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S1A"/>
      <sheetName val="TableS1B"/>
      <sheetName val="ANU"/>
      <sheetName val="ANU_SPLC"/>
      <sheetName val="Supplementary Table 1"/>
      <sheetName val="Supplementary Table 2"/>
      <sheetName val="Supplementary Table 3"/>
      <sheetName val="Table 2"/>
      <sheetName val="SPLICE-NOTIR"/>
      <sheetName val="SPLICE-IR"/>
      <sheetName val="Differential_Splicing_Events"/>
      <sheetName val="Sheet1"/>
    </sheetNames>
    <sheetDataSet>
      <sheetData sheetId="0"/>
      <sheetData sheetId="1"/>
      <sheetData sheetId="2"/>
      <sheetData sheetId="3"/>
      <sheetData sheetId="4">
        <row r="1">
          <cell r="AH1" t="str">
            <v>logFC</v>
          </cell>
        </row>
        <row r="2">
          <cell r="AG2" t="str">
            <v>KRT18</v>
          </cell>
          <cell r="AH2">
            <v>-7.51784122879672</v>
          </cell>
        </row>
        <row r="3">
          <cell r="AG3" t="str">
            <v>PPARGC1A</v>
          </cell>
          <cell r="AH3">
            <v>-5.5845218757010704</v>
          </cell>
        </row>
        <row r="4">
          <cell r="AG4" t="str">
            <v>AFF3</v>
          </cell>
          <cell r="AH4">
            <v>-4.10181751791675</v>
          </cell>
        </row>
        <row r="5">
          <cell r="AG5" t="str">
            <v>CDC42EP4</v>
          </cell>
          <cell r="AH5">
            <v>-3.5136431627647098</v>
          </cell>
        </row>
        <row r="6">
          <cell r="AG6" t="str">
            <v>OAS3</v>
          </cell>
          <cell r="AH6">
            <v>-3.4505515061503198</v>
          </cell>
        </row>
        <row r="7">
          <cell r="AG7" t="str">
            <v>DDX60L</v>
          </cell>
          <cell r="AH7">
            <v>-2.8960651852397099</v>
          </cell>
        </row>
        <row r="8">
          <cell r="AG8" t="str">
            <v>AHNAK</v>
          </cell>
          <cell r="AH8">
            <v>-2.8256513477324501</v>
          </cell>
        </row>
        <row r="9">
          <cell r="AG9" t="str">
            <v>TNS1</v>
          </cell>
          <cell r="AH9">
            <v>-2.4848654168029101</v>
          </cell>
        </row>
        <row r="10">
          <cell r="AG10" t="str">
            <v>SRRM3</v>
          </cell>
          <cell r="AH10">
            <v>-2.3097085647292799</v>
          </cell>
        </row>
        <row r="11">
          <cell r="AG11" t="str">
            <v>FBLL1</v>
          </cell>
          <cell r="AH11">
            <v>-2.1464927782936898</v>
          </cell>
        </row>
        <row r="12">
          <cell r="AG12" t="str">
            <v>IFI16</v>
          </cell>
          <cell r="AH12">
            <v>2.0168483476519499</v>
          </cell>
        </row>
        <row r="13">
          <cell r="AG13" t="str">
            <v>AATF</v>
          </cell>
          <cell r="AH13">
            <v>2.0449009593372001</v>
          </cell>
        </row>
        <row r="14">
          <cell r="AG14" t="str">
            <v>RNASE1</v>
          </cell>
          <cell r="AH14">
            <v>2.4271551699106202</v>
          </cell>
        </row>
        <row r="15">
          <cell r="AG15" t="str">
            <v>CELF2</v>
          </cell>
          <cell r="AH15">
            <v>3.1915299891529401</v>
          </cell>
        </row>
        <row r="16">
          <cell r="AG16" t="str">
            <v>TDRD7</v>
          </cell>
          <cell r="AH16">
            <v>3.4625554102089899</v>
          </cell>
        </row>
        <row r="17">
          <cell r="AG17" t="str">
            <v>ELAVL4</v>
          </cell>
          <cell r="AH17">
            <v>6.0442189369920198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 2013 - 2022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6C8D3E-C1C1-47A9-85F9-CB75D66C4D36}">
  <dimension ref="A1:AH1637"/>
  <sheetViews>
    <sheetView tabSelected="1" workbookViewId="0">
      <selection sqref="A1:N1"/>
    </sheetView>
  </sheetViews>
  <sheetFormatPr defaultRowHeight="14.25" x14ac:dyDescent="0.2"/>
  <cols>
    <col min="1" max="1" width="22.42578125" style="2" customWidth="1"/>
    <col min="2" max="2" width="12.140625" style="2" customWidth="1"/>
    <col min="3" max="3" width="13" style="2" customWidth="1"/>
    <col min="4" max="4" width="12.85546875" style="2" customWidth="1"/>
    <col min="5" max="5" width="13" style="2" customWidth="1"/>
    <col min="6" max="6" width="13.140625" style="2" customWidth="1"/>
    <col min="7" max="7" width="12.5703125" style="2" customWidth="1"/>
    <col min="8" max="8" width="14.5703125" style="2" customWidth="1"/>
    <col min="9" max="9" width="11" style="2" customWidth="1"/>
    <col min="10" max="10" width="13.28515625" style="31" customWidth="1"/>
    <col min="11" max="11" width="15" style="2" customWidth="1"/>
    <col min="12" max="12" width="13.85546875" style="2" customWidth="1"/>
    <col min="13" max="13" width="13.140625" style="2" customWidth="1"/>
    <col min="14" max="14" width="10.7109375" style="2" customWidth="1"/>
    <col min="15" max="15" width="9.140625" style="2"/>
    <col min="16" max="16" width="16.85546875" style="2" customWidth="1"/>
    <col min="17" max="19" width="9.28515625" style="2" bestFit="1" customWidth="1"/>
    <col min="20" max="21" width="9.42578125" style="2" bestFit="1" customWidth="1"/>
    <col min="22" max="22" width="9.28515625" style="2" bestFit="1" customWidth="1"/>
    <col min="23" max="23" width="9.7109375" style="2" customWidth="1"/>
    <col min="24" max="25" width="12" style="2" customWidth="1"/>
    <col min="26" max="26" width="9.28515625" style="2" bestFit="1" customWidth="1"/>
    <col min="27" max="28" width="11.28515625" style="2" bestFit="1" customWidth="1"/>
    <col min="29" max="30" width="9.28515625" style="2" bestFit="1" customWidth="1"/>
    <col min="31" max="32" width="9.140625" style="2"/>
    <col min="33" max="34" width="11.42578125" style="2" customWidth="1"/>
    <col min="35" max="16384" width="9.140625" style="2"/>
  </cols>
  <sheetData>
    <row r="1" spans="1:34" ht="30" customHeight="1" x14ac:dyDescent="0.2">
      <c r="A1" s="1" t="s">
        <v>4973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34" ht="35.25" customHeight="1" x14ac:dyDescent="0.25">
      <c r="A2" s="3" t="s">
        <v>0</v>
      </c>
      <c r="B2" s="3" t="s">
        <v>1</v>
      </c>
      <c r="C2" s="3" t="s">
        <v>2</v>
      </c>
      <c r="D2" s="4" t="s">
        <v>3</v>
      </c>
      <c r="E2" s="3" t="s">
        <v>4</v>
      </c>
      <c r="F2" s="3" t="s">
        <v>5</v>
      </c>
      <c r="G2" s="3" t="s">
        <v>6</v>
      </c>
      <c r="H2" s="3" t="s">
        <v>7</v>
      </c>
      <c r="I2" s="3" t="s">
        <v>8</v>
      </c>
      <c r="J2" s="5" t="s">
        <v>9</v>
      </c>
      <c r="K2" s="3" t="s">
        <v>10</v>
      </c>
      <c r="L2" s="3" t="s">
        <v>11</v>
      </c>
      <c r="M2" s="3" t="s">
        <v>12</v>
      </c>
      <c r="N2" s="3" t="s">
        <v>13</v>
      </c>
      <c r="O2" s="6"/>
      <c r="P2" s="7" t="s">
        <v>0</v>
      </c>
      <c r="Q2" s="7" t="s">
        <v>1</v>
      </c>
      <c r="R2" s="7" t="s">
        <v>2</v>
      </c>
      <c r="S2" s="7" t="s">
        <v>3</v>
      </c>
      <c r="T2" s="7" t="s">
        <v>4</v>
      </c>
      <c r="U2" s="7" t="s">
        <v>5</v>
      </c>
      <c r="V2" s="7" t="s">
        <v>6</v>
      </c>
      <c r="W2" s="7" t="s">
        <v>7</v>
      </c>
      <c r="X2" s="7" t="s">
        <v>8</v>
      </c>
      <c r="Y2" s="7" t="s">
        <v>9</v>
      </c>
      <c r="Z2" s="7" t="s">
        <v>10</v>
      </c>
      <c r="AA2" s="7" t="s">
        <v>11</v>
      </c>
      <c r="AB2" s="7" t="s">
        <v>12</v>
      </c>
      <c r="AC2" s="7" t="s">
        <v>13</v>
      </c>
      <c r="AD2" s="7" t="s">
        <v>14</v>
      </c>
      <c r="AG2" s="2" t="s">
        <v>8</v>
      </c>
      <c r="AH2" s="2" t="s">
        <v>1</v>
      </c>
    </row>
    <row r="3" spans="1:34" ht="114" x14ac:dyDescent="0.2">
      <c r="A3" s="8" t="s">
        <v>15</v>
      </c>
      <c r="B3" s="8">
        <v>3.1915299891529401</v>
      </c>
      <c r="C3" s="8">
        <v>6.5696141825285803</v>
      </c>
      <c r="D3" s="8">
        <v>80.640974980586904</v>
      </c>
      <c r="E3" s="9">
        <v>5.7510515902189198E-28</v>
      </c>
      <c r="F3" s="10">
        <v>1.09137706027584E-24</v>
      </c>
      <c r="G3" s="8">
        <v>54.267921033852602</v>
      </c>
      <c r="H3" s="8">
        <v>10659</v>
      </c>
      <c r="I3" s="8" t="s">
        <v>16</v>
      </c>
      <c r="J3" s="11" t="s">
        <v>17</v>
      </c>
      <c r="K3" s="8">
        <v>10</v>
      </c>
      <c r="L3" s="8">
        <v>10798397</v>
      </c>
      <c r="M3" s="8">
        <v>11336675</v>
      </c>
      <c r="N3" s="12">
        <v>1</v>
      </c>
      <c r="P3" s="13" t="s">
        <v>18</v>
      </c>
      <c r="Q3" s="14">
        <v>-7.51784122879672</v>
      </c>
      <c r="R3" s="14">
        <v>0.99835572232714198</v>
      </c>
      <c r="S3" s="14">
        <v>-17.123861047639402</v>
      </c>
      <c r="T3" s="15">
        <v>6.2405885177155502E-14</v>
      </c>
      <c r="U3" s="15">
        <v>8.4170325728989396E-13</v>
      </c>
      <c r="V3" s="14">
        <v>21.7127753546762</v>
      </c>
      <c r="W3" s="14">
        <v>3875</v>
      </c>
      <c r="X3" s="14" t="s">
        <v>19</v>
      </c>
      <c r="Y3" s="14" t="s">
        <v>20</v>
      </c>
      <c r="Z3" s="14">
        <v>12</v>
      </c>
      <c r="AA3" s="14">
        <v>52948871</v>
      </c>
      <c r="AB3" s="14">
        <v>52952901</v>
      </c>
      <c r="AC3" s="14">
        <v>1</v>
      </c>
      <c r="AD3" s="16">
        <f t="shared" ref="AD3:AD18" si="0">ABS(Q3)</f>
        <v>7.51784122879672</v>
      </c>
      <c r="AG3" s="2" t="s">
        <v>19</v>
      </c>
      <c r="AH3" s="2">
        <v>-7.51784122879672</v>
      </c>
    </row>
    <row r="4" spans="1:34" ht="114" x14ac:dyDescent="0.2">
      <c r="A4" s="8" t="s">
        <v>21</v>
      </c>
      <c r="B4" s="8">
        <v>-1.7431733191596399</v>
      </c>
      <c r="C4" s="8">
        <v>8.7324120575913398</v>
      </c>
      <c r="D4" s="8">
        <v>-54.702683469205702</v>
      </c>
      <c r="E4" s="9">
        <v>2.1490193832088301E-24</v>
      </c>
      <c r="F4" s="10">
        <v>7.9964589872850998E-22</v>
      </c>
      <c r="G4" s="8">
        <v>46.016751330593003</v>
      </c>
      <c r="H4" s="8">
        <v>23089</v>
      </c>
      <c r="I4" s="8" t="s">
        <v>22</v>
      </c>
      <c r="J4" s="11" t="s">
        <v>23</v>
      </c>
      <c r="K4" s="8">
        <v>7</v>
      </c>
      <c r="L4" s="8">
        <v>94656325</v>
      </c>
      <c r="M4" s="8">
        <v>94669695</v>
      </c>
      <c r="N4" s="12">
        <v>1</v>
      </c>
      <c r="P4" s="17" t="s">
        <v>24</v>
      </c>
      <c r="Q4" s="18">
        <v>6.0442189369920198</v>
      </c>
      <c r="R4" s="18">
        <v>-0.31730387259993398</v>
      </c>
      <c r="S4" s="18">
        <v>14.737056146153501</v>
      </c>
      <c r="T4" s="19">
        <v>1.2017313426922601E-12</v>
      </c>
      <c r="U4" s="19">
        <v>1.1946178989141401E-11</v>
      </c>
      <c r="V4" s="18">
        <v>19.030037081759399</v>
      </c>
      <c r="W4" s="18">
        <v>1996</v>
      </c>
      <c r="X4" s="18" t="s">
        <v>25</v>
      </c>
      <c r="Y4" s="18" t="s">
        <v>26</v>
      </c>
      <c r="Z4" s="18">
        <v>1</v>
      </c>
      <c r="AA4" s="18">
        <v>50048014</v>
      </c>
      <c r="AB4" s="18">
        <v>50203786</v>
      </c>
      <c r="AC4" s="18">
        <v>1</v>
      </c>
      <c r="AD4" s="20">
        <f t="shared" si="0"/>
        <v>6.0442189369920198</v>
      </c>
      <c r="AG4" s="2" t="s">
        <v>27</v>
      </c>
      <c r="AH4" s="2">
        <v>-5.5845218757010704</v>
      </c>
    </row>
    <row r="5" spans="1:34" ht="128.25" x14ac:dyDescent="0.2">
      <c r="A5" s="8" t="s">
        <v>28</v>
      </c>
      <c r="B5" s="8">
        <v>1.5721127284960299</v>
      </c>
      <c r="C5" s="8">
        <v>8.3551901885494804</v>
      </c>
      <c r="D5" s="8">
        <v>49.980152985628301</v>
      </c>
      <c r="E5" s="9">
        <v>1.44910667041792E-23</v>
      </c>
      <c r="F5" s="10">
        <v>3.8731968006367503E-21</v>
      </c>
      <c r="G5" s="8">
        <v>44.0641159830814</v>
      </c>
      <c r="H5" s="8">
        <v>9444</v>
      </c>
      <c r="I5" s="8" t="s">
        <v>29</v>
      </c>
      <c r="J5" s="11" t="s">
        <v>30</v>
      </c>
      <c r="K5" s="8">
        <v>6</v>
      </c>
      <c r="L5" s="8">
        <v>163414000</v>
      </c>
      <c r="M5" s="8">
        <v>163578596</v>
      </c>
      <c r="N5" s="12">
        <v>1</v>
      </c>
      <c r="P5" s="17" t="s">
        <v>31</v>
      </c>
      <c r="Q5" s="18">
        <v>-5.5845218757010704</v>
      </c>
      <c r="R5" s="18">
        <v>-8.5932311801203101E-2</v>
      </c>
      <c r="S5" s="18">
        <v>-9.4346521146207305</v>
      </c>
      <c r="T5" s="19">
        <v>4.6654088621055703E-9</v>
      </c>
      <c r="U5" s="19">
        <v>2.1338988666227402E-8</v>
      </c>
      <c r="V5" s="18">
        <v>10.981639295738701</v>
      </c>
      <c r="W5" s="18">
        <v>10891</v>
      </c>
      <c r="X5" s="18" t="s">
        <v>27</v>
      </c>
      <c r="Y5" s="18" t="s">
        <v>32</v>
      </c>
      <c r="Z5" s="18">
        <v>4</v>
      </c>
      <c r="AA5" s="18">
        <v>23755041</v>
      </c>
      <c r="AB5" s="18">
        <v>23904089</v>
      </c>
      <c r="AC5" s="18">
        <v>-1</v>
      </c>
      <c r="AD5" s="20">
        <f t="shared" si="0"/>
        <v>5.5845218757010704</v>
      </c>
      <c r="AG5" s="2" t="s">
        <v>33</v>
      </c>
      <c r="AH5" s="2">
        <v>-4.10181751791675</v>
      </c>
    </row>
    <row r="6" spans="1:34" ht="114" x14ac:dyDescent="0.2">
      <c r="A6" s="8" t="s">
        <v>34</v>
      </c>
      <c r="B6" s="8">
        <v>1.7132760877000599</v>
      </c>
      <c r="C6" s="8">
        <v>8.0964411852959106</v>
      </c>
      <c r="D6" s="8">
        <v>42.414311875339799</v>
      </c>
      <c r="E6" s="9">
        <v>4.6204800311533496E-22</v>
      </c>
      <c r="F6" s="10">
        <v>7.2465164918344698E-20</v>
      </c>
      <c r="G6" s="8">
        <v>40.512542372706399</v>
      </c>
      <c r="H6" s="8">
        <v>1267</v>
      </c>
      <c r="I6" s="8" t="s">
        <v>35</v>
      </c>
      <c r="J6" s="11" t="s">
        <v>36</v>
      </c>
      <c r="K6" s="8">
        <v>17</v>
      </c>
      <c r="L6" s="8">
        <v>41966741</v>
      </c>
      <c r="M6" s="8">
        <v>41977731</v>
      </c>
      <c r="N6" s="12">
        <v>1</v>
      </c>
      <c r="P6" s="17" t="s">
        <v>37</v>
      </c>
      <c r="Q6" s="18">
        <v>-4.10181751791675</v>
      </c>
      <c r="R6" s="18">
        <v>2.3050793665128499</v>
      </c>
      <c r="S6" s="18">
        <v>-28.197717290637801</v>
      </c>
      <c r="T6" s="19">
        <v>2.3744620786090802E-18</v>
      </c>
      <c r="U6" s="19">
        <v>1.1208996732777201E-16</v>
      </c>
      <c r="V6" s="18">
        <v>31.964854655725102</v>
      </c>
      <c r="W6" s="18">
        <v>3899</v>
      </c>
      <c r="X6" s="18" t="s">
        <v>33</v>
      </c>
      <c r="Y6" s="18" t="s">
        <v>38</v>
      </c>
      <c r="Z6" s="18">
        <v>2</v>
      </c>
      <c r="AA6" s="18">
        <v>99545419</v>
      </c>
      <c r="AB6" s="18">
        <v>100142739</v>
      </c>
      <c r="AC6" s="18">
        <v>-1</v>
      </c>
      <c r="AD6" s="20">
        <f t="shared" si="0"/>
        <v>4.10181751791675</v>
      </c>
      <c r="AG6" s="2" t="s">
        <v>39</v>
      </c>
      <c r="AH6" s="2">
        <v>-3.5136431627647098</v>
      </c>
    </row>
    <row r="7" spans="1:34" ht="128.25" x14ac:dyDescent="0.2">
      <c r="A7" s="8" t="s">
        <v>40</v>
      </c>
      <c r="B7" s="8">
        <v>2.0449009593372001</v>
      </c>
      <c r="C7" s="8">
        <v>6.7359468025225597</v>
      </c>
      <c r="D7" s="8">
        <v>40.6382122656577</v>
      </c>
      <c r="E7" s="9">
        <v>1.13684436679126E-21</v>
      </c>
      <c r="F7" s="10">
        <v>1.5980663369331699E-19</v>
      </c>
      <c r="G7" s="8">
        <v>39.647805997186502</v>
      </c>
      <c r="H7" s="8">
        <v>26574</v>
      </c>
      <c r="I7" s="8" t="s">
        <v>41</v>
      </c>
      <c r="J7" s="11" t="s">
        <v>42</v>
      </c>
      <c r="K7" s="8">
        <v>17</v>
      </c>
      <c r="L7" s="8">
        <v>36948875</v>
      </c>
      <c r="M7" s="8">
        <v>37056871</v>
      </c>
      <c r="N7" s="12">
        <v>1</v>
      </c>
      <c r="P7" s="17" t="s">
        <v>43</v>
      </c>
      <c r="Q7" s="18">
        <v>-3.5136431627647098</v>
      </c>
      <c r="R7" s="18">
        <v>3.2835657251492001</v>
      </c>
      <c r="S7" s="18">
        <v>-37.948710555914602</v>
      </c>
      <c r="T7" s="19">
        <v>4.7944086210688502E-21</v>
      </c>
      <c r="U7" s="19">
        <v>5.4809332772303396E-19</v>
      </c>
      <c r="V7" s="18">
        <v>38.207696463586899</v>
      </c>
      <c r="W7" s="18">
        <v>23580</v>
      </c>
      <c r="X7" s="18" t="s">
        <v>39</v>
      </c>
      <c r="Y7" s="18" t="s">
        <v>44</v>
      </c>
      <c r="Z7" s="18">
        <v>17</v>
      </c>
      <c r="AA7" s="18">
        <v>73283624</v>
      </c>
      <c r="AB7" s="18">
        <v>73312175</v>
      </c>
      <c r="AC7" s="18">
        <v>-1</v>
      </c>
      <c r="AD7" s="20">
        <f t="shared" si="0"/>
        <v>3.5136431627647098</v>
      </c>
      <c r="AG7" s="2" t="s">
        <v>45</v>
      </c>
      <c r="AH7" s="2">
        <v>-3.4505515061503198</v>
      </c>
    </row>
    <row r="8" spans="1:34" ht="114" x14ac:dyDescent="0.2">
      <c r="A8" s="8" t="s">
        <v>43</v>
      </c>
      <c r="B8" s="8">
        <v>-3.5136431627647098</v>
      </c>
      <c r="C8" s="8">
        <v>3.2835657251492001</v>
      </c>
      <c r="D8" s="8">
        <v>-37.948710555914602</v>
      </c>
      <c r="E8" s="9">
        <v>4.7944086210688502E-21</v>
      </c>
      <c r="F8" s="10">
        <v>5.4809332772303396E-19</v>
      </c>
      <c r="G8" s="8">
        <v>38.207696463586899</v>
      </c>
      <c r="H8" s="8">
        <v>23580</v>
      </c>
      <c r="I8" s="8" t="s">
        <v>39</v>
      </c>
      <c r="J8" s="11" t="s">
        <v>44</v>
      </c>
      <c r="K8" s="8">
        <v>17</v>
      </c>
      <c r="L8" s="8">
        <v>73283624</v>
      </c>
      <c r="M8" s="8">
        <v>73312175</v>
      </c>
      <c r="N8" s="12">
        <v>-1</v>
      </c>
      <c r="P8" s="17" t="s">
        <v>46</v>
      </c>
      <c r="Q8" s="18">
        <v>3.4625554102089899</v>
      </c>
      <c r="R8" s="18">
        <v>1.0793830719767299</v>
      </c>
      <c r="S8" s="18">
        <v>18.2548624427322</v>
      </c>
      <c r="T8" s="19">
        <v>1.73709247717337E-14</v>
      </c>
      <c r="U8" s="19">
        <v>2.6976107969982801E-13</v>
      </c>
      <c r="V8" s="18">
        <v>23.334746380376099</v>
      </c>
      <c r="W8" s="18">
        <v>23424</v>
      </c>
      <c r="X8" s="18" t="s">
        <v>47</v>
      </c>
      <c r="Y8" s="18" t="s">
        <v>48</v>
      </c>
      <c r="Z8" s="18">
        <v>9</v>
      </c>
      <c r="AA8" s="18">
        <v>97411950</v>
      </c>
      <c r="AB8" s="18">
        <v>97496125</v>
      </c>
      <c r="AC8" s="18">
        <v>1</v>
      </c>
      <c r="AD8" s="20">
        <f t="shared" si="0"/>
        <v>3.4625554102089899</v>
      </c>
      <c r="AG8" s="2" t="s">
        <v>49</v>
      </c>
      <c r="AH8" s="2">
        <v>-2.8960651852397099</v>
      </c>
    </row>
    <row r="9" spans="1:34" ht="71.25" x14ac:dyDescent="0.2">
      <c r="A9" s="8" t="s">
        <v>50</v>
      </c>
      <c r="B9" s="8">
        <v>1.6600746599792</v>
      </c>
      <c r="C9" s="8">
        <v>4.6480383683606004</v>
      </c>
      <c r="D9" s="8">
        <v>34.347123175389399</v>
      </c>
      <c r="E9" s="9">
        <v>3.87961109118643E-20</v>
      </c>
      <c r="F9" s="10">
        <v>3.1871592933958799E-18</v>
      </c>
      <c r="G9" s="8">
        <v>36.208177976574802</v>
      </c>
      <c r="H9" s="8">
        <v>3956</v>
      </c>
      <c r="I9" s="8" t="s">
        <v>51</v>
      </c>
      <c r="J9" s="11" t="s">
        <v>52</v>
      </c>
      <c r="K9" s="8">
        <v>22</v>
      </c>
      <c r="L9" s="8">
        <v>37675608</v>
      </c>
      <c r="M9" s="8">
        <v>37679806</v>
      </c>
      <c r="N9" s="12">
        <v>1</v>
      </c>
      <c r="P9" s="17" t="s">
        <v>53</v>
      </c>
      <c r="Q9" s="18">
        <v>-3.4505515061503198</v>
      </c>
      <c r="R9" s="18">
        <v>-0.52909590821430397</v>
      </c>
      <c r="S9" s="18">
        <v>-12.8935591878955</v>
      </c>
      <c r="T9" s="19">
        <v>1.5713588232201598E-11</v>
      </c>
      <c r="U9" s="19">
        <v>1.21316828267897E-10</v>
      </c>
      <c r="V9" s="18">
        <v>16.518762929154899</v>
      </c>
      <c r="W9" s="18">
        <v>4940</v>
      </c>
      <c r="X9" s="18" t="s">
        <v>45</v>
      </c>
      <c r="Y9" s="18" t="s">
        <v>54</v>
      </c>
      <c r="Z9" s="18">
        <v>12</v>
      </c>
      <c r="AA9" s="18">
        <v>112938352</v>
      </c>
      <c r="AB9" s="18">
        <v>112973249</v>
      </c>
      <c r="AC9" s="18">
        <v>1</v>
      </c>
      <c r="AD9" s="20">
        <f t="shared" si="0"/>
        <v>3.4505515061503198</v>
      </c>
      <c r="AG9" s="2" t="s">
        <v>55</v>
      </c>
      <c r="AH9" s="2">
        <v>-2.8256513477324501</v>
      </c>
    </row>
    <row r="10" spans="1:34" ht="114" x14ac:dyDescent="0.2">
      <c r="A10" s="8" t="s">
        <v>56</v>
      </c>
      <c r="B10" s="8">
        <v>1.5096857587232599</v>
      </c>
      <c r="C10" s="8">
        <v>6.2111330592796801</v>
      </c>
      <c r="D10" s="8">
        <v>33.516346167959199</v>
      </c>
      <c r="E10" s="9">
        <v>6.4760186459817399E-20</v>
      </c>
      <c r="F10" s="10">
        <v>5.0161390140732801E-18</v>
      </c>
      <c r="G10" s="8">
        <v>35.510674479626303</v>
      </c>
      <c r="H10" s="8">
        <v>51065</v>
      </c>
      <c r="I10" s="8" t="s">
        <v>57</v>
      </c>
      <c r="J10" s="11" t="s">
        <v>58</v>
      </c>
      <c r="K10" s="8">
        <v>15</v>
      </c>
      <c r="L10" s="8">
        <v>63125872</v>
      </c>
      <c r="M10" s="8">
        <v>63158021</v>
      </c>
      <c r="N10" s="12">
        <v>-1</v>
      </c>
      <c r="P10" s="17" t="s">
        <v>15</v>
      </c>
      <c r="Q10" s="18">
        <v>3.1915299891529401</v>
      </c>
      <c r="R10" s="18">
        <v>6.5696141825285803</v>
      </c>
      <c r="S10" s="18">
        <v>80.640974980586904</v>
      </c>
      <c r="T10" s="19">
        <v>5.7510515902189198E-28</v>
      </c>
      <c r="U10" s="19">
        <v>1.09137706027584E-24</v>
      </c>
      <c r="V10" s="18">
        <v>54.267921033852602</v>
      </c>
      <c r="W10" s="18">
        <v>10659</v>
      </c>
      <c r="X10" s="18" t="s">
        <v>16</v>
      </c>
      <c r="Y10" s="18" t="s">
        <v>17</v>
      </c>
      <c r="Z10" s="18">
        <v>10</v>
      </c>
      <c r="AA10" s="18">
        <v>10798397</v>
      </c>
      <c r="AB10" s="18">
        <v>11336675</v>
      </c>
      <c r="AC10" s="18">
        <v>1</v>
      </c>
      <c r="AD10" s="20">
        <f t="shared" si="0"/>
        <v>3.1915299891529401</v>
      </c>
      <c r="AG10" s="2" t="s">
        <v>59</v>
      </c>
      <c r="AH10" s="2">
        <v>-2.4848654168029101</v>
      </c>
    </row>
    <row r="11" spans="1:34" ht="114" x14ac:dyDescent="0.2">
      <c r="A11" s="8" t="s">
        <v>60</v>
      </c>
      <c r="B11" s="8">
        <v>1.67615168674349</v>
      </c>
      <c r="C11" s="8">
        <v>4.8573020999107301</v>
      </c>
      <c r="D11" s="8">
        <v>30.8827549238713</v>
      </c>
      <c r="E11" s="9">
        <v>3.5774026249892599E-19</v>
      </c>
      <c r="F11" s="10">
        <v>2.21857417040592E-17</v>
      </c>
      <c r="G11" s="8">
        <v>33.903847039844003</v>
      </c>
      <c r="H11" s="8">
        <v>104</v>
      </c>
      <c r="I11" s="8" t="s">
        <v>61</v>
      </c>
      <c r="J11" s="11" t="s">
        <v>62</v>
      </c>
      <c r="K11" s="8">
        <v>21</v>
      </c>
      <c r="L11" s="8">
        <v>45073853</v>
      </c>
      <c r="M11" s="8">
        <v>45226560</v>
      </c>
      <c r="N11" s="12">
        <v>1</v>
      </c>
      <c r="P11" s="17" t="s">
        <v>63</v>
      </c>
      <c r="Q11" s="18">
        <v>-2.8960651852397099</v>
      </c>
      <c r="R11" s="18">
        <v>1.78828903895517</v>
      </c>
      <c r="S11" s="18">
        <v>-15.193957214695599</v>
      </c>
      <c r="T11" s="19">
        <v>6.6206304554148504E-13</v>
      </c>
      <c r="U11" s="19">
        <v>6.94525727763447E-12</v>
      </c>
      <c r="V11" s="18">
        <v>19.695152057451999</v>
      </c>
      <c r="W11" s="18">
        <v>91351</v>
      </c>
      <c r="X11" s="18" t="s">
        <v>49</v>
      </c>
      <c r="Y11" s="18" t="s">
        <v>64</v>
      </c>
      <c r="Z11" s="18">
        <v>4</v>
      </c>
      <c r="AA11" s="18">
        <v>168356735</v>
      </c>
      <c r="AB11" s="18">
        <v>168537786</v>
      </c>
      <c r="AC11" s="18">
        <v>-1</v>
      </c>
      <c r="AD11" s="20">
        <f t="shared" si="0"/>
        <v>2.8960651852397099</v>
      </c>
      <c r="AG11" s="2" t="s">
        <v>65</v>
      </c>
      <c r="AH11" s="2">
        <v>-2.3097085647292799</v>
      </c>
    </row>
    <row r="12" spans="1:34" ht="99.75" x14ac:dyDescent="0.2">
      <c r="A12" s="8" t="s">
        <v>66</v>
      </c>
      <c r="B12" s="8">
        <v>-2.8256513477324501</v>
      </c>
      <c r="C12" s="8">
        <v>6.3358947516817299</v>
      </c>
      <c r="D12" s="8">
        <v>-29.060621281169801</v>
      </c>
      <c r="E12" s="9">
        <v>1.2692243062807099E-18</v>
      </c>
      <c r="F12" s="10">
        <v>6.6170521044750401E-17</v>
      </c>
      <c r="G12" s="8">
        <v>32.511800547977103</v>
      </c>
      <c r="H12" s="8">
        <v>79026</v>
      </c>
      <c r="I12" s="8" t="s">
        <v>55</v>
      </c>
      <c r="J12" s="11" t="s">
        <v>67</v>
      </c>
      <c r="K12" s="8">
        <v>11</v>
      </c>
      <c r="L12" s="8">
        <v>62433542</v>
      </c>
      <c r="M12" s="8">
        <v>62556235</v>
      </c>
      <c r="N12" s="12">
        <v>-1</v>
      </c>
      <c r="P12" s="17" t="s">
        <v>66</v>
      </c>
      <c r="Q12" s="18">
        <v>-2.8256513477324501</v>
      </c>
      <c r="R12" s="18">
        <v>6.3358947516817299</v>
      </c>
      <c r="S12" s="18">
        <v>-29.060621281169801</v>
      </c>
      <c r="T12" s="19">
        <v>1.2692243062807099E-18</v>
      </c>
      <c r="U12" s="19">
        <v>6.6170521044750401E-17</v>
      </c>
      <c r="V12" s="18">
        <v>32.511800547977103</v>
      </c>
      <c r="W12" s="18">
        <v>79026</v>
      </c>
      <c r="X12" s="18" t="s">
        <v>55</v>
      </c>
      <c r="Y12" s="18" t="s">
        <v>67</v>
      </c>
      <c r="Z12" s="18">
        <v>11</v>
      </c>
      <c r="AA12" s="18">
        <v>62433542</v>
      </c>
      <c r="AB12" s="18">
        <v>62556235</v>
      </c>
      <c r="AC12" s="18">
        <v>-1</v>
      </c>
      <c r="AD12" s="20">
        <f t="shared" si="0"/>
        <v>2.8256513477324501</v>
      </c>
      <c r="AG12" s="2" t="s">
        <v>68</v>
      </c>
      <c r="AH12" s="2">
        <v>-2.1464927782936898</v>
      </c>
    </row>
    <row r="13" spans="1:34" ht="99.75" x14ac:dyDescent="0.2">
      <c r="A13" s="8" t="s">
        <v>69</v>
      </c>
      <c r="B13" s="8">
        <v>-1.0917439490702101</v>
      </c>
      <c r="C13" s="8">
        <v>8.1538958466762193</v>
      </c>
      <c r="D13" s="8">
        <v>-29.035757668590801</v>
      </c>
      <c r="E13" s="9">
        <v>1.2920172463924201E-18</v>
      </c>
      <c r="F13" s="10">
        <v>6.6990741215270603E-17</v>
      </c>
      <c r="G13" s="8">
        <v>32.3055682481464</v>
      </c>
      <c r="H13" s="8">
        <v>7037</v>
      </c>
      <c r="I13" s="8" t="s">
        <v>70</v>
      </c>
      <c r="J13" s="11" t="s">
        <v>71</v>
      </c>
      <c r="K13" s="8">
        <v>3</v>
      </c>
      <c r="L13" s="8">
        <v>196027183</v>
      </c>
      <c r="M13" s="8">
        <v>196082189</v>
      </c>
      <c r="N13" s="12">
        <v>-1</v>
      </c>
      <c r="P13" s="17" t="s">
        <v>72</v>
      </c>
      <c r="Q13" s="18">
        <v>-2.4848654168029101</v>
      </c>
      <c r="R13" s="18">
        <v>3.6136619434380002</v>
      </c>
      <c r="S13" s="18">
        <v>-16.7944512582248</v>
      </c>
      <c r="T13" s="19">
        <v>9.1837348518845998E-14</v>
      </c>
      <c r="U13" s="19">
        <v>1.19568527224474E-12</v>
      </c>
      <c r="V13" s="18">
        <v>21.410217257549998</v>
      </c>
      <c r="W13" s="18">
        <v>7145</v>
      </c>
      <c r="X13" s="18" t="s">
        <v>59</v>
      </c>
      <c r="Y13" s="18" t="s">
        <v>73</v>
      </c>
      <c r="Z13" s="18">
        <v>2</v>
      </c>
      <c r="AA13" s="18">
        <v>217799789</v>
      </c>
      <c r="AB13" s="18">
        <v>218002995</v>
      </c>
      <c r="AC13" s="18">
        <v>-1</v>
      </c>
      <c r="AD13" s="20">
        <f t="shared" si="0"/>
        <v>2.4848654168029101</v>
      </c>
      <c r="AG13" s="2" t="s">
        <v>74</v>
      </c>
      <c r="AH13" s="2">
        <v>2.0168483476519499</v>
      </c>
    </row>
    <row r="14" spans="1:34" ht="85.5" x14ac:dyDescent="0.2">
      <c r="A14" s="8" t="s">
        <v>75</v>
      </c>
      <c r="B14" s="8">
        <v>-1.3442871149884199</v>
      </c>
      <c r="C14" s="8">
        <v>8.1130309788118193</v>
      </c>
      <c r="D14" s="8">
        <v>-28.862283773849999</v>
      </c>
      <c r="E14" s="9">
        <v>1.46344475065301E-18</v>
      </c>
      <c r="F14" s="10">
        <v>7.4455203842204399E-17</v>
      </c>
      <c r="G14" s="8">
        <v>32.180142537368098</v>
      </c>
      <c r="H14" s="8">
        <v>5052</v>
      </c>
      <c r="I14" s="8" t="s">
        <v>76</v>
      </c>
      <c r="J14" s="11" t="s">
        <v>77</v>
      </c>
      <c r="K14" s="8">
        <v>1</v>
      </c>
      <c r="L14" s="8">
        <v>45511036</v>
      </c>
      <c r="M14" s="8">
        <v>45523047</v>
      </c>
      <c r="N14" s="12">
        <v>-1</v>
      </c>
      <c r="P14" s="17" t="s">
        <v>78</v>
      </c>
      <c r="Q14" s="18">
        <v>2.4271551699106202</v>
      </c>
      <c r="R14" s="18">
        <v>2.2944935686205801</v>
      </c>
      <c r="S14" s="18">
        <v>23.166943666386</v>
      </c>
      <c r="T14" s="19">
        <v>1.37355727810328E-16</v>
      </c>
      <c r="U14" s="19">
        <v>3.8163977257051098E-15</v>
      </c>
      <c r="V14" s="18">
        <v>28.152017811234501</v>
      </c>
      <c r="W14" s="18">
        <v>6035</v>
      </c>
      <c r="X14" s="18" t="s">
        <v>79</v>
      </c>
      <c r="Y14" s="18" t="s">
        <v>80</v>
      </c>
      <c r="Z14" s="18">
        <v>14</v>
      </c>
      <c r="AA14" s="18">
        <v>20801228</v>
      </c>
      <c r="AB14" s="18">
        <v>20803278</v>
      </c>
      <c r="AC14" s="18">
        <v>-1</v>
      </c>
      <c r="AD14" s="20">
        <f t="shared" si="0"/>
        <v>2.4271551699106202</v>
      </c>
      <c r="AG14" s="2" t="s">
        <v>41</v>
      </c>
      <c r="AH14" s="2">
        <v>2.0449009593372001</v>
      </c>
    </row>
    <row r="15" spans="1:34" ht="114" x14ac:dyDescent="0.2">
      <c r="A15" s="8" t="s">
        <v>81</v>
      </c>
      <c r="B15" s="8">
        <v>-1.31255134596977</v>
      </c>
      <c r="C15" s="8">
        <v>5.3949737213273696</v>
      </c>
      <c r="D15" s="8">
        <v>-28.758266528465299</v>
      </c>
      <c r="E15" s="9">
        <v>1.5774984811996301E-18</v>
      </c>
      <c r="F15" s="10">
        <v>7.9196266343188698E-17</v>
      </c>
      <c r="G15" s="8">
        <v>32.329548315471698</v>
      </c>
      <c r="H15" s="8">
        <v>4343</v>
      </c>
      <c r="I15" s="8" t="s">
        <v>82</v>
      </c>
      <c r="J15" s="11" t="s">
        <v>83</v>
      </c>
      <c r="K15" s="8">
        <v>1</v>
      </c>
      <c r="L15" s="8">
        <v>112673141</v>
      </c>
      <c r="M15" s="8">
        <v>112700746</v>
      </c>
      <c r="N15" s="12">
        <v>1</v>
      </c>
      <c r="P15" s="17" t="s">
        <v>84</v>
      </c>
      <c r="Q15" s="18">
        <v>-2.3097085647292799</v>
      </c>
      <c r="R15" s="18">
        <v>-0.74985184515720305</v>
      </c>
      <c r="S15" s="18">
        <v>-8.9116622424960994</v>
      </c>
      <c r="T15" s="19">
        <v>1.2422368338217401E-8</v>
      </c>
      <c r="U15" s="19">
        <v>5.18678292528825E-8</v>
      </c>
      <c r="V15" s="18">
        <v>10.0070269082947</v>
      </c>
      <c r="W15" s="18">
        <v>222183</v>
      </c>
      <c r="X15" s="18" t="s">
        <v>65</v>
      </c>
      <c r="Y15" s="18" t="s">
        <v>85</v>
      </c>
      <c r="Z15" s="18">
        <v>7</v>
      </c>
      <c r="AA15" s="18">
        <v>76201900</v>
      </c>
      <c r="AB15" s="18">
        <v>76287288</v>
      </c>
      <c r="AC15" s="18">
        <v>1</v>
      </c>
      <c r="AD15" s="20">
        <f t="shared" si="0"/>
        <v>2.3097085647292799</v>
      </c>
      <c r="AG15" s="2" t="s">
        <v>79</v>
      </c>
      <c r="AH15" s="2">
        <v>2.4271551699106202</v>
      </c>
    </row>
    <row r="16" spans="1:34" ht="99.75" x14ac:dyDescent="0.2">
      <c r="A16" s="8" t="s">
        <v>86</v>
      </c>
      <c r="B16" s="8">
        <v>1.0502919169898199</v>
      </c>
      <c r="C16" s="8">
        <v>7.1193105882241197</v>
      </c>
      <c r="D16" s="8">
        <v>28.741756496952402</v>
      </c>
      <c r="E16" s="9">
        <v>1.5964396242295199E-18</v>
      </c>
      <c r="F16" s="10">
        <v>7.99357117387958E-17</v>
      </c>
      <c r="G16" s="8">
        <v>32.126757139933602</v>
      </c>
      <c r="H16" s="8">
        <v>57060</v>
      </c>
      <c r="I16" s="8" t="s">
        <v>87</v>
      </c>
      <c r="J16" s="11" t="s">
        <v>88</v>
      </c>
      <c r="K16" s="8">
        <v>3</v>
      </c>
      <c r="L16" s="8">
        <v>51957454</v>
      </c>
      <c r="M16" s="8">
        <v>51974016</v>
      </c>
      <c r="N16" s="12">
        <v>-1</v>
      </c>
      <c r="P16" s="17" t="s">
        <v>89</v>
      </c>
      <c r="Q16" s="18">
        <v>-2.1464927782936898</v>
      </c>
      <c r="R16" s="18">
        <v>0.65009906700502695</v>
      </c>
      <c r="S16" s="18">
        <v>-9.4227360936660904</v>
      </c>
      <c r="T16" s="19">
        <v>4.76886204397751E-9</v>
      </c>
      <c r="U16" s="19">
        <v>2.1759724695494401E-8</v>
      </c>
      <c r="V16" s="18">
        <v>10.820207409027899</v>
      </c>
      <c r="W16" s="18"/>
      <c r="X16" s="18" t="s">
        <v>68</v>
      </c>
      <c r="Y16" s="18" t="s">
        <v>90</v>
      </c>
      <c r="Z16" s="18">
        <v>5</v>
      </c>
      <c r="AA16" s="18">
        <v>168529116</v>
      </c>
      <c r="AB16" s="18">
        <v>168530634</v>
      </c>
      <c r="AC16" s="18">
        <v>1</v>
      </c>
      <c r="AD16" s="20">
        <f t="shared" si="0"/>
        <v>2.1464927782936898</v>
      </c>
      <c r="AG16" s="2" t="s">
        <v>16</v>
      </c>
      <c r="AH16" s="2">
        <v>3.1915299891529401</v>
      </c>
    </row>
    <row r="17" spans="1:34" ht="99.75" x14ac:dyDescent="0.2">
      <c r="A17" s="8" t="s">
        <v>37</v>
      </c>
      <c r="B17" s="8">
        <v>-4.10181751791675</v>
      </c>
      <c r="C17" s="8">
        <v>2.3050793665128499</v>
      </c>
      <c r="D17" s="8">
        <v>-28.197717290637801</v>
      </c>
      <c r="E17" s="9">
        <v>2.3744620786090802E-18</v>
      </c>
      <c r="F17" s="10">
        <v>1.1208996732777201E-16</v>
      </c>
      <c r="G17" s="8">
        <v>31.964854655725102</v>
      </c>
      <c r="H17" s="8">
        <v>3899</v>
      </c>
      <c r="I17" s="8" t="s">
        <v>33</v>
      </c>
      <c r="J17" s="11" t="s">
        <v>38</v>
      </c>
      <c r="K17" s="8">
        <v>2</v>
      </c>
      <c r="L17" s="8">
        <v>99545419</v>
      </c>
      <c r="M17" s="8">
        <v>100142739</v>
      </c>
      <c r="N17" s="12">
        <v>-1</v>
      </c>
      <c r="P17" s="17" t="s">
        <v>40</v>
      </c>
      <c r="Q17" s="18">
        <v>2.0449009593372001</v>
      </c>
      <c r="R17" s="18">
        <v>6.7359468025225597</v>
      </c>
      <c r="S17" s="18">
        <v>40.6382122656577</v>
      </c>
      <c r="T17" s="19">
        <v>1.13684436679126E-21</v>
      </c>
      <c r="U17" s="19">
        <v>1.5980663369331699E-19</v>
      </c>
      <c r="V17" s="18">
        <v>39.647805997186502</v>
      </c>
      <c r="W17" s="18">
        <v>26574</v>
      </c>
      <c r="X17" s="18" t="s">
        <v>41</v>
      </c>
      <c r="Y17" s="18" t="s">
        <v>42</v>
      </c>
      <c r="Z17" s="18">
        <v>17</v>
      </c>
      <c r="AA17" s="18">
        <v>36948875</v>
      </c>
      <c r="AB17" s="18">
        <v>37056871</v>
      </c>
      <c r="AC17" s="18">
        <v>1</v>
      </c>
      <c r="AD17" s="20">
        <f t="shared" si="0"/>
        <v>2.0449009593372001</v>
      </c>
      <c r="AG17" s="2" t="s">
        <v>47</v>
      </c>
      <c r="AH17" s="2">
        <v>3.4625554102089899</v>
      </c>
    </row>
    <row r="18" spans="1:34" ht="128.25" x14ac:dyDescent="0.2">
      <c r="A18" s="8" t="s">
        <v>91</v>
      </c>
      <c r="B18" s="8">
        <v>1.23210501784242</v>
      </c>
      <c r="C18" s="8">
        <v>6.3983281423098299</v>
      </c>
      <c r="D18" s="8">
        <v>27.4755536955387</v>
      </c>
      <c r="E18" s="9">
        <v>4.06794283486195E-18</v>
      </c>
      <c r="F18" s="10">
        <v>1.7705814490177799E-16</v>
      </c>
      <c r="G18" s="8">
        <v>31.205402838953201</v>
      </c>
      <c r="H18" s="8">
        <v>51538</v>
      </c>
      <c r="I18" s="8" t="s">
        <v>92</v>
      </c>
      <c r="J18" s="11" t="s">
        <v>93</v>
      </c>
      <c r="K18" s="8">
        <v>1</v>
      </c>
      <c r="L18" s="8">
        <v>31296982</v>
      </c>
      <c r="M18" s="8">
        <v>31364953</v>
      </c>
      <c r="N18" s="12">
        <v>1</v>
      </c>
      <c r="P18" s="21" t="s">
        <v>94</v>
      </c>
      <c r="Q18" s="22">
        <v>2.0168483476519499</v>
      </c>
      <c r="R18" s="22">
        <v>2.2423492748612901</v>
      </c>
      <c r="S18" s="22">
        <v>12.377798792303301</v>
      </c>
      <c r="T18" s="23">
        <v>3.3983957444700303E-11</v>
      </c>
      <c r="U18" s="23">
        <v>2.4327180702681202E-10</v>
      </c>
      <c r="V18" s="22">
        <v>15.4947856607081</v>
      </c>
      <c r="W18" s="22">
        <v>3428</v>
      </c>
      <c r="X18" s="22" t="s">
        <v>74</v>
      </c>
      <c r="Y18" s="22" t="s">
        <v>95</v>
      </c>
      <c r="Z18" s="22">
        <v>1</v>
      </c>
      <c r="AA18" s="22">
        <v>158999968</v>
      </c>
      <c r="AB18" s="22">
        <v>159055155</v>
      </c>
      <c r="AC18" s="22">
        <v>1</v>
      </c>
      <c r="AD18" s="24">
        <f t="shared" si="0"/>
        <v>2.0168483476519499</v>
      </c>
      <c r="AG18" s="2" t="s">
        <v>25</v>
      </c>
      <c r="AH18" s="2">
        <v>6.0442189369920198</v>
      </c>
    </row>
    <row r="19" spans="1:34" ht="99.75" x14ac:dyDescent="0.2">
      <c r="A19" s="8" t="s">
        <v>96</v>
      </c>
      <c r="B19" s="8">
        <v>1.7710217246764099</v>
      </c>
      <c r="C19" s="8">
        <v>6.2175441435120504</v>
      </c>
      <c r="D19" s="8">
        <v>27.1059444345264</v>
      </c>
      <c r="E19" s="9">
        <v>5.3864643252361897E-18</v>
      </c>
      <c r="F19" s="10">
        <v>2.2715318555557099E-16</v>
      </c>
      <c r="G19" s="8">
        <v>30.9390176215941</v>
      </c>
      <c r="H19" s="8">
        <v>64393</v>
      </c>
      <c r="I19" s="8" t="s">
        <v>97</v>
      </c>
      <c r="J19" s="11" t="s">
        <v>98</v>
      </c>
      <c r="K19" s="8">
        <v>3</v>
      </c>
      <c r="L19" s="8">
        <v>179017223</v>
      </c>
      <c r="M19" s="8">
        <v>179072279</v>
      </c>
      <c r="N19" s="12">
        <v>-1</v>
      </c>
      <c r="T19" s="25"/>
      <c r="U19" s="25"/>
    </row>
    <row r="20" spans="1:34" ht="114" x14ac:dyDescent="0.2">
      <c r="A20" s="8" t="s">
        <v>99</v>
      </c>
      <c r="B20" s="8">
        <v>1.27931191346551</v>
      </c>
      <c r="C20" s="8">
        <v>5.5667369549020496</v>
      </c>
      <c r="D20" s="8">
        <v>26.653261560442701</v>
      </c>
      <c r="E20" s="9">
        <v>7.6348185714633607E-18</v>
      </c>
      <c r="F20" s="10">
        <v>3.1091406015163101E-16</v>
      </c>
      <c r="G20" s="8">
        <v>30.638829031887301</v>
      </c>
      <c r="H20" s="8">
        <v>55168</v>
      </c>
      <c r="I20" s="8" t="s">
        <v>100</v>
      </c>
      <c r="J20" s="11" t="s">
        <v>101</v>
      </c>
      <c r="K20" s="8">
        <v>6</v>
      </c>
      <c r="L20" s="8">
        <v>43671303</v>
      </c>
      <c r="M20" s="8">
        <v>43687791</v>
      </c>
      <c r="N20" s="12">
        <v>-1</v>
      </c>
      <c r="T20" s="25"/>
      <c r="U20" s="25"/>
    </row>
    <row r="21" spans="1:34" ht="114" x14ac:dyDescent="0.2">
      <c r="A21" s="8" t="s">
        <v>102</v>
      </c>
      <c r="B21" s="8">
        <v>1.08713330757309</v>
      </c>
      <c r="C21" s="8">
        <v>7.5518439279783802</v>
      </c>
      <c r="D21" s="8">
        <v>26.354131912369201</v>
      </c>
      <c r="E21" s="9">
        <v>9.6437259251138597E-18</v>
      </c>
      <c r="F21" s="10">
        <v>3.80476064201425E-16</v>
      </c>
      <c r="G21" s="8">
        <v>30.2367861330073</v>
      </c>
      <c r="H21" s="8">
        <v>5832</v>
      </c>
      <c r="I21" s="8" t="s">
        <v>103</v>
      </c>
      <c r="J21" s="11" t="s">
        <v>104</v>
      </c>
      <c r="K21" s="8">
        <v>10</v>
      </c>
      <c r="L21" s="8">
        <v>95605929</v>
      </c>
      <c r="M21" s="8">
        <v>95656706</v>
      </c>
      <c r="N21" s="12">
        <v>-1</v>
      </c>
      <c r="T21" s="25"/>
      <c r="U21" s="25"/>
    </row>
    <row r="22" spans="1:34" ht="99.75" x14ac:dyDescent="0.2">
      <c r="A22" s="8" t="s">
        <v>105</v>
      </c>
      <c r="B22" s="8">
        <v>-1.9330333379565401</v>
      </c>
      <c r="C22" s="8">
        <v>4.1469638041292098</v>
      </c>
      <c r="D22" s="8">
        <v>-25.028219021728201</v>
      </c>
      <c r="E22" s="9">
        <v>2.8014311606218799E-17</v>
      </c>
      <c r="F22" s="10">
        <v>9.8632206187609193E-16</v>
      </c>
      <c r="G22" s="8">
        <v>29.594740885135799</v>
      </c>
      <c r="H22" s="8">
        <v>2334</v>
      </c>
      <c r="I22" s="8" t="s">
        <v>106</v>
      </c>
      <c r="J22" s="11" t="s">
        <v>107</v>
      </c>
      <c r="K22" s="8" t="s">
        <v>108</v>
      </c>
      <c r="L22" s="8">
        <v>148500619</v>
      </c>
      <c r="M22" s="8">
        <v>149000663</v>
      </c>
      <c r="N22" s="12">
        <v>1</v>
      </c>
      <c r="T22" s="25"/>
      <c r="U22" s="25"/>
    </row>
    <row r="23" spans="1:34" ht="142.5" x14ac:dyDescent="0.2">
      <c r="A23" s="8" t="s">
        <v>109</v>
      </c>
      <c r="B23" s="8">
        <v>0.92375034038102799</v>
      </c>
      <c r="C23" s="8">
        <v>6.1235909388664904</v>
      </c>
      <c r="D23" s="8">
        <v>23.964794328885201</v>
      </c>
      <c r="E23" s="9">
        <v>6.8511350039853703E-17</v>
      </c>
      <c r="F23" s="10">
        <v>2.0735883408393998E-15</v>
      </c>
      <c r="G23" s="8">
        <v>28.2957464283663</v>
      </c>
      <c r="H23" s="8">
        <v>10940</v>
      </c>
      <c r="I23" s="8" t="s">
        <v>110</v>
      </c>
      <c r="J23" s="11" t="s">
        <v>111</v>
      </c>
      <c r="K23" s="8">
        <v>8</v>
      </c>
      <c r="L23" s="8">
        <v>98117297</v>
      </c>
      <c r="M23" s="8">
        <v>98159834</v>
      </c>
      <c r="N23" s="12">
        <v>1</v>
      </c>
      <c r="T23" s="25"/>
      <c r="U23" s="25"/>
    </row>
    <row r="24" spans="1:34" ht="142.5" x14ac:dyDescent="0.2">
      <c r="A24" s="8" t="s">
        <v>112</v>
      </c>
      <c r="B24" s="8">
        <v>1.4953433363431901</v>
      </c>
      <c r="C24" s="8">
        <v>5.66152333707051</v>
      </c>
      <c r="D24" s="8">
        <v>23.542229873540201</v>
      </c>
      <c r="E24" s="9">
        <v>9.8757527478213501E-17</v>
      </c>
      <c r="F24" s="10">
        <v>2.85254429064545E-15</v>
      </c>
      <c r="G24" s="8">
        <v>27.9777632117293</v>
      </c>
      <c r="H24" s="8">
        <v>25976</v>
      </c>
      <c r="I24" s="8" t="s">
        <v>113</v>
      </c>
      <c r="J24" s="11" t="s">
        <v>114</v>
      </c>
      <c r="K24" s="8">
        <v>3</v>
      </c>
      <c r="L24" s="8">
        <v>156673235</v>
      </c>
      <c r="M24" s="8">
        <v>156706770</v>
      </c>
      <c r="N24" s="12">
        <v>1</v>
      </c>
      <c r="T24" s="25"/>
      <c r="U24" s="25"/>
    </row>
    <row r="25" spans="1:34" ht="128.25" x14ac:dyDescent="0.2">
      <c r="A25" s="8" t="s">
        <v>78</v>
      </c>
      <c r="B25" s="8">
        <v>2.4271551699106202</v>
      </c>
      <c r="C25" s="8">
        <v>2.2944935686205801</v>
      </c>
      <c r="D25" s="8">
        <v>23.166943666386</v>
      </c>
      <c r="E25" s="9">
        <v>1.37355727810328E-16</v>
      </c>
      <c r="F25" s="10">
        <v>3.8163977257051098E-15</v>
      </c>
      <c r="G25" s="8">
        <v>28.152017811234501</v>
      </c>
      <c r="H25" s="8">
        <v>6035</v>
      </c>
      <c r="I25" s="8" t="s">
        <v>79</v>
      </c>
      <c r="J25" s="11" t="s">
        <v>80</v>
      </c>
      <c r="K25" s="8">
        <v>14</v>
      </c>
      <c r="L25" s="8">
        <v>20801228</v>
      </c>
      <c r="M25" s="8">
        <v>20803278</v>
      </c>
      <c r="N25" s="12">
        <v>-1</v>
      </c>
      <c r="T25" s="25"/>
      <c r="U25" s="25"/>
    </row>
    <row r="26" spans="1:34" ht="114" x14ac:dyDescent="0.2">
      <c r="A26" s="8" t="s">
        <v>115</v>
      </c>
      <c r="B26" s="8">
        <v>-0.94625624791422602</v>
      </c>
      <c r="C26" s="8">
        <v>7.6632408058108004</v>
      </c>
      <c r="D26" s="8">
        <v>-22.535251100654101</v>
      </c>
      <c r="E26" s="9">
        <v>2.4207085884919901E-16</v>
      </c>
      <c r="F26" s="10">
        <v>6.2842389717937702E-15</v>
      </c>
      <c r="G26" s="8">
        <v>26.8901313690107</v>
      </c>
      <c r="H26" s="8">
        <v>124540</v>
      </c>
      <c r="I26" s="8" t="s">
        <v>116</v>
      </c>
      <c r="J26" s="11" t="s">
        <v>117</v>
      </c>
      <c r="K26" s="8">
        <v>17</v>
      </c>
      <c r="L26" s="8">
        <v>57255851</v>
      </c>
      <c r="M26" s="8">
        <v>57684685</v>
      </c>
      <c r="N26" s="12">
        <v>1</v>
      </c>
      <c r="T26" s="25"/>
      <c r="U26" s="25"/>
    </row>
    <row r="27" spans="1:34" ht="114" x14ac:dyDescent="0.2">
      <c r="A27" s="8" t="s">
        <v>118</v>
      </c>
      <c r="B27" s="8">
        <v>0.92075440224120397</v>
      </c>
      <c r="C27" s="8">
        <v>6.5811029545886397</v>
      </c>
      <c r="D27" s="8">
        <v>21.823131875483899</v>
      </c>
      <c r="E27" s="9">
        <v>4.6679228037706696E-16</v>
      </c>
      <c r="F27" s="10">
        <v>1.12130596262223E-14</v>
      </c>
      <c r="G27" s="8">
        <v>26.262917751252001</v>
      </c>
      <c r="H27" s="8">
        <v>9728</v>
      </c>
      <c r="I27" s="8" t="s">
        <v>119</v>
      </c>
      <c r="J27" s="11" t="s">
        <v>120</v>
      </c>
      <c r="K27" s="8">
        <v>15</v>
      </c>
      <c r="L27" s="8">
        <v>48988476</v>
      </c>
      <c r="M27" s="8">
        <v>49046563</v>
      </c>
      <c r="N27" s="12">
        <v>-1</v>
      </c>
      <c r="T27" s="25"/>
      <c r="U27" s="25"/>
    </row>
    <row r="28" spans="1:34" ht="99.75" x14ac:dyDescent="0.2">
      <c r="A28" s="8" t="s">
        <v>121</v>
      </c>
      <c r="B28" s="8">
        <v>-1.02006158942948</v>
      </c>
      <c r="C28" s="8">
        <v>5.8447380078220004</v>
      </c>
      <c r="D28" s="8">
        <v>-21.5415393742046</v>
      </c>
      <c r="E28" s="9">
        <v>6.0849683406116501E-16</v>
      </c>
      <c r="F28" s="10">
        <v>1.39969023272469E-14</v>
      </c>
      <c r="G28" s="8">
        <v>26.085254523318401</v>
      </c>
      <c r="H28" s="8">
        <v>1789</v>
      </c>
      <c r="I28" s="8" t="s">
        <v>122</v>
      </c>
      <c r="J28" s="11" t="s">
        <v>123</v>
      </c>
      <c r="K28" s="8">
        <v>20</v>
      </c>
      <c r="L28" s="8">
        <v>32762385</v>
      </c>
      <c r="M28" s="8">
        <v>32809356</v>
      </c>
      <c r="N28" s="12">
        <v>1</v>
      </c>
      <c r="T28" s="25"/>
      <c r="U28" s="25"/>
    </row>
    <row r="29" spans="1:34" ht="99.75" x14ac:dyDescent="0.2">
      <c r="A29" s="8" t="s">
        <v>124</v>
      </c>
      <c r="B29" s="8">
        <v>0.72240769212232603</v>
      </c>
      <c r="C29" s="8">
        <v>7.4381520972111002</v>
      </c>
      <c r="D29" s="8">
        <v>21.0687718030273</v>
      </c>
      <c r="E29" s="9">
        <v>9.5652091652947098E-16</v>
      </c>
      <c r="F29" s="10">
        <v>2.09123242315435E-14</v>
      </c>
      <c r="G29" s="8">
        <v>25.463542743002101</v>
      </c>
      <c r="H29" s="8">
        <v>5394</v>
      </c>
      <c r="I29" s="8" t="s">
        <v>125</v>
      </c>
      <c r="J29" s="11" t="s">
        <v>126</v>
      </c>
      <c r="K29" s="8">
        <v>1</v>
      </c>
      <c r="L29" s="8">
        <v>11066618</v>
      </c>
      <c r="M29" s="8">
        <v>11099881</v>
      </c>
      <c r="N29" s="12">
        <v>-1</v>
      </c>
      <c r="T29" s="25"/>
      <c r="U29" s="25"/>
    </row>
    <row r="30" spans="1:34" ht="142.5" x14ac:dyDescent="0.2">
      <c r="A30" s="8" t="s">
        <v>127</v>
      </c>
      <c r="B30" s="8">
        <v>-0.7329056770772</v>
      </c>
      <c r="C30" s="8">
        <v>6.4454495461847001</v>
      </c>
      <c r="D30" s="8">
        <v>-20.9050704603534</v>
      </c>
      <c r="E30" s="9">
        <v>1.12111975141501E-15</v>
      </c>
      <c r="F30" s="10">
        <v>2.3985895741378299E-14</v>
      </c>
      <c r="G30" s="8">
        <v>25.374899742754199</v>
      </c>
      <c r="H30" s="8">
        <v>64778</v>
      </c>
      <c r="I30" s="8" t="s">
        <v>128</v>
      </c>
      <c r="J30" s="11" t="s">
        <v>129</v>
      </c>
      <c r="K30" s="8">
        <v>3</v>
      </c>
      <c r="L30" s="8">
        <v>172039628</v>
      </c>
      <c r="M30" s="8">
        <v>172401665</v>
      </c>
      <c r="N30" s="12">
        <v>1</v>
      </c>
      <c r="T30" s="25"/>
      <c r="U30" s="25"/>
    </row>
    <row r="31" spans="1:34" ht="71.25" x14ac:dyDescent="0.2">
      <c r="A31" s="8" t="s">
        <v>130</v>
      </c>
      <c r="B31" s="8">
        <v>-0.72936002594728699</v>
      </c>
      <c r="C31" s="8">
        <v>9.2107516100026707</v>
      </c>
      <c r="D31" s="8">
        <v>-20.822118766597502</v>
      </c>
      <c r="E31" s="9">
        <v>1.21557750477869E-15</v>
      </c>
      <c r="F31" s="10">
        <v>2.5519507115869902E-14</v>
      </c>
      <c r="G31" s="8">
        <v>25.136807795353999</v>
      </c>
      <c r="H31" s="8">
        <v>811</v>
      </c>
      <c r="I31" s="8" t="s">
        <v>131</v>
      </c>
      <c r="J31" s="11" t="s">
        <v>132</v>
      </c>
      <c r="K31" s="8">
        <v>19</v>
      </c>
      <c r="L31" s="8">
        <v>12938578</v>
      </c>
      <c r="M31" s="8">
        <v>12944489</v>
      </c>
      <c r="N31" s="12">
        <v>1</v>
      </c>
      <c r="T31" s="25"/>
      <c r="U31" s="25"/>
    </row>
    <row r="32" spans="1:34" ht="114" x14ac:dyDescent="0.2">
      <c r="A32" s="8" t="s">
        <v>133</v>
      </c>
      <c r="B32" s="8">
        <v>-1.0041274859586899</v>
      </c>
      <c r="C32" s="8">
        <v>5.58762051025814</v>
      </c>
      <c r="D32" s="8">
        <v>-19.926414396985201</v>
      </c>
      <c r="E32" s="9">
        <v>2.9678302160031001E-15</v>
      </c>
      <c r="F32" s="10">
        <v>5.5433576780601099E-14</v>
      </c>
      <c r="G32" s="8">
        <v>24.475224908954701</v>
      </c>
      <c r="H32" s="8">
        <v>64968</v>
      </c>
      <c r="I32" s="8" t="s">
        <v>134</v>
      </c>
      <c r="J32" s="11" t="s">
        <v>135</v>
      </c>
      <c r="K32" s="8">
        <v>21</v>
      </c>
      <c r="L32" s="8">
        <v>34073224</v>
      </c>
      <c r="M32" s="8">
        <v>34143034</v>
      </c>
      <c r="N32" s="12">
        <v>1</v>
      </c>
      <c r="T32" s="25"/>
      <c r="U32" s="25"/>
    </row>
    <row r="33" spans="1:21" ht="156.75" x14ac:dyDescent="0.2">
      <c r="A33" s="8" t="s">
        <v>136</v>
      </c>
      <c r="B33" s="8">
        <v>1.39862290415028</v>
      </c>
      <c r="C33" s="8">
        <v>3.0757466029617602</v>
      </c>
      <c r="D33" s="8">
        <v>19.699691654728401</v>
      </c>
      <c r="E33" s="9">
        <v>3.7416374452931402E-15</v>
      </c>
      <c r="F33" s="10">
        <v>6.8537696717497899E-14</v>
      </c>
      <c r="G33" s="8">
        <v>24.675242721305899</v>
      </c>
      <c r="H33" s="8">
        <v>91893</v>
      </c>
      <c r="I33" s="8" t="s">
        <v>137</v>
      </c>
      <c r="J33" s="11" t="s">
        <v>138</v>
      </c>
      <c r="K33" s="8">
        <v>11</v>
      </c>
      <c r="L33" s="8">
        <v>111874056</v>
      </c>
      <c r="M33" s="8">
        <v>111881243</v>
      </c>
      <c r="N33" s="12">
        <v>-1</v>
      </c>
      <c r="T33" s="25"/>
      <c r="U33" s="25"/>
    </row>
    <row r="34" spans="1:21" ht="85.5" x14ac:dyDescent="0.2">
      <c r="A34" s="8" t="s">
        <v>139</v>
      </c>
      <c r="B34" s="8">
        <v>0.76126215188851798</v>
      </c>
      <c r="C34" s="8">
        <v>7.0365165340443303</v>
      </c>
      <c r="D34" s="8">
        <v>19.4718353371109</v>
      </c>
      <c r="E34" s="9">
        <v>4.7341692113525796E-15</v>
      </c>
      <c r="F34" s="10">
        <v>8.4915244918561405E-14</v>
      </c>
      <c r="G34" s="8">
        <v>23.822308702509101</v>
      </c>
      <c r="H34" s="8">
        <v>3267</v>
      </c>
      <c r="I34" s="8" t="s">
        <v>140</v>
      </c>
      <c r="J34" s="11" t="s">
        <v>141</v>
      </c>
      <c r="K34" s="8">
        <v>2</v>
      </c>
      <c r="L34" s="8">
        <v>227472152</v>
      </c>
      <c r="M34" s="8">
        <v>227561214</v>
      </c>
      <c r="N34" s="12">
        <v>1</v>
      </c>
      <c r="T34" s="25"/>
      <c r="U34" s="25"/>
    </row>
    <row r="35" spans="1:21" ht="128.25" x14ac:dyDescent="0.2">
      <c r="A35" s="8" t="s">
        <v>142</v>
      </c>
      <c r="B35" s="8">
        <v>1.76822726404704</v>
      </c>
      <c r="C35" s="8">
        <v>2.5577362418092902</v>
      </c>
      <c r="D35" s="8">
        <v>19.319160092584902</v>
      </c>
      <c r="E35" s="9">
        <v>5.5502665888120196E-15</v>
      </c>
      <c r="F35" s="10">
        <v>9.7887926631863999E-14</v>
      </c>
      <c r="G35" s="8">
        <v>24.365920349398401</v>
      </c>
      <c r="H35" s="8">
        <v>3437</v>
      </c>
      <c r="I35" s="8" t="s">
        <v>143</v>
      </c>
      <c r="J35" s="11" t="s">
        <v>144</v>
      </c>
      <c r="K35" s="8">
        <v>10</v>
      </c>
      <c r="L35" s="8">
        <v>89327894</v>
      </c>
      <c r="M35" s="8">
        <v>89340971</v>
      </c>
      <c r="N35" s="12">
        <v>1</v>
      </c>
      <c r="T35" s="25"/>
      <c r="U35" s="25"/>
    </row>
    <row r="36" spans="1:21" ht="99.75" x14ac:dyDescent="0.2">
      <c r="A36" s="8" t="s">
        <v>145</v>
      </c>
      <c r="B36" s="8">
        <v>-0.69729642921018797</v>
      </c>
      <c r="C36" s="8">
        <v>5.9964800632792699</v>
      </c>
      <c r="D36" s="8">
        <v>-19.065308928060698</v>
      </c>
      <c r="E36" s="9">
        <v>7.2484730147938993E-15</v>
      </c>
      <c r="F36" s="10">
        <v>1.2470922248571499E-13</v>
      </c>
      <c r="G36" s="8">
        <v>23.480258153458799</v>
      </c>
      <c r="H36" s="8">
        <v>833</v>
      </c>
      <c r="I36" s="8" t="s">
        <v>146</v>
      </c>
      <c r="J36" s="11" t="s">
        <v>147</v>
      </c>
      <c r="K36" s="8">
        <v>11</v>
      </c>
      <c r="L36" s="8">
        <v>3000922</v>
      </c>
      <c r="M36" s="8">
        <v>3057613</v>
      </c>
      <c r="N36" s="12">
        <v>-1</v>
      </c>
      <c r="T36" s="25"/>
      <c r="U36" s="25"/>
    </row>
    <row r="37" spans="1:21" ht="114" x14ac:dyDescent="0.2">
      <c r="A37" s="8" t="s">
        <v>148</v>
      </c>
      <c r="B37" s="8">
        <v>-0.64776928847534898</v>
      </c>
      <c r="C37" s="8">
        <v>7.5538491145327802</v>
      </c>
      <c r="D37" s="8">
        <v>-19.018964517547499</v>
      </c>
      <c r="E37" s="9">
        <v>7.6130872745844601E-15</v>
      </c>
      <c r="F37" s="10">
        <v>1.2968901006264799E-13</v>
      </c>
      <c r="G37" s="8">
        <v>23.305725513914499</v>
      </c>
      <c r="H37" s="8">
        <v>10970</v>
      </c>
      <c r="I37" s="8" t="s">
        <v>149</v>
      </c>
      <c r="J37" s="11" t="s">
        <v>150</v>
      </c>
      <c r="K37" s="8">
        <v>12</v>
      </c>
      <c r="L37" s="8">
        <v>106237877</v>
      </c>
      <c r="M37" s="8">
        <v>106304279</v>
      </c>
      <c r="N37" s="12">
        <v>-1</v>
      </c>
      <c r="T37" s="25"/>
      <c r="U37" s="25"/>
    </row>
    <row r="38" spans="1:21" ht="71.25" x14ac:dyDescent="0.2">
      <c r="A38" s="8" t="s">
        <v>151</v>
      </c>
      <c r="B38" s="8">
        <v>-0.62298852236140001</v>
      </c>
      <c r="C38" s="8">
        <v>8.9452037246166398</v>
      </c>
      <c r="D38" s="8">
        <v>-18.9454499103731</v>
      </c>
      <c r="E38" s="9">
        <v>8.2312606084846505E-15</v>
      </c>
      <c r="F38" s="10">
        <v>1.38931860606124E-13</v>
      </c>
      <c r="G38" s="8">
        <v>23.155567977887898</v>
      </c>
      <c r="H38" s="8">
        <v>3843</v>
      </c>
      <c r="I38" s="8" t="s">
        <v>152</v>
      </c>
      <c r="J38" s="11" t="s">
        <v>153</v>
      </c>
      <c r="K38" s="8">
        <v>13</v>
      </c>
      <c r="L38" s="8">
        <v>97953658</v>
      </c>
      <c r="M38" s="8">
        <v>98024297</v>
      </c>
      <c r="N38" s="12">
        <v>1</v>
      </c>
      <c r="T38" s="25"/>
      <c r="U38" s="25"/>
    </row>
    <row r="39" spans="1:21" ht="142.5" x14ac:dyDescent="0.2">
      <c r="A39" s="8" t="s">
        <v>154</v>
      </c>
      <c r="B39" s="8">
        <v>0.59045952728431494</v>
      </c>
      <c r="C39" s="8">
        <v>9.3555074405908503</v>
      </c>
      <c r="D39" s="8">
        <v>18.884409338224199</v>
      </c>
      <c r="E39" s="9">
        <v>8.7843203872290802E-15</v>
      </c>
      <c r="F39" s="10">
        <v>1.4700180598628399E-13</v>
      </c>
      <c r="G39" s="8">
        <v>23.066723284934199</v>
      </c>
      <c r="H39" s="8">
        <v>6421</v>
      </c>
      <c r="I39" s="8" t="s">
        <v>155</v>
      </c>
      <c r="J39" s="11" t="s">
        <v>156</v>
      </c>
      <c r="K39" s="8">
        <v>1</v>
      </c>
      <c r="L39" s="8">
        <v>35176378</v>
      </c>
      <c r="M39" s="8">
        <v>35193148</v>
      </c>
      <c r="N39" s="12">
        <v>-1</v>
      </c>
      <c r="T39" s="25"/>
      <c r="U39" s="25"/>
    </row>
    <row r="40" spans="1:21" ht="114" x14ac:dyDescent="0.2">
      <c r="A40" s="8" t="s">
        <v>157</v>
      </c>
      <c r="B40" s="8">
        <v>0.86953047980505105</v>
      </c>
      <c r="C40" s="8">
        <v>6.7241585115772997</v>
      </c>
      <c r="D40" s="8">
        <v>18.7276256614572</v>
      </c>
      <c r="E40" s="9">
        <v>1.0390169717418599E-14</v>
      </c>
      <c r="F40" s="10">
        <v>1.70418539954583E-13</v>
      </c>
      <c r="G40" s="8">
        <v>23.025022705033901</v>
      </c>
      <c r="H40" s="8">
        <v>10432</v>
      </c>
      <c r="I40" s="8" t="s">
        <v>158</v>
      </c>
      <c r="J40" s="11" t="s">
        <v>159</v>
      </c>
      <c r="K40" s="8">
        <v>11</v>
      </c>
      <c r="L40" s="8">
        <v>66616582</v>
      </c>
      <c r="M40" s="8">
        <v>66627347</v>
      </c>
      <c r="N40" s="12">
        <v>1</v>
      </c>
      <c r="T40" s="25"/>
      <c r="U40" s="25"/>
    </row>
    <row r="41" spans="1:21" ht="142.5" x14ac:dyDescent="0.2">
      <c r="A41" s="8" t="s">
        <v>160</v>
      </c>
      <c r="B41" s="8">
        <v>-0.59361975302773895</v>
      </c>
      <c r="C41" s="8">
        <v>8.2173203868971498</v>
      </c>
      <c r="D41" s="8">
        <v>-18.689872278247702</v>
      </c>
      <c r="E41" s="9">
        <v>1.0820856240309699E-14</v>
      </c>
      <c r="F41" s="10">
        <v>1.7671892329806901E-13</v>
      </c>
      <c r="G41" s="8">
        <v>22.9044807214215</v>
      </c>
      <c r="H41" s="8">
        <v>9601</v>
      </c>
      <c r="I41" s="8" t="s">
        <v>161</v>
      </c>
      <c r="J41" s="11" t="s">
        <v>162</v>
      </c>
      <c r="K41" s="8">
        <v>7</v>
      </c>
      <c r="L41" s="8">
        <v>149003062</v>
      </c>
      <c r="M41" s="8">
        <v>149028641</v>
      </c>
      <c r="N41" s="12">
        <v>-1</v>
      </c>
      <c r="T41" s="25"/>
      <c r="U41" s="25"/>
    </row>
    <row r="42" spans="1:21" ht="128.25" x14ac:dyDescent="0.2">
      <c r="A42" s="8" t="s">
        <v>163</v>
      </c>
      <c r="B42" s="8">
        <v>0.765553178420461</v>
      </c>
      <c r="C42" s="8">
        <v>7.2321725942060997</v>
      </c>
      <c r="D42" s="8">
        <v>18.577723311909001</v>
      </c>
      <c r="E42" s="9">
        <v>1.2213694982840701E-14</v>
      </c>
      <c r="F42" s="10">
        <v>1.9742699292109801E-13</v>
      </c>
      <c r="G42" s="8">
        <v>22.824582571250801</v>
      </c>
      <c r="H42" s="8">
        <v>28969</v>
      </c>
      <c r="I42" s="8" t="s">
        <v>164</v>
      </c>
      <c r="J42" s="11" t="s">
        <v>165</v>
      </c>
      <c r="K42" s="8">
        <v>7</v>
      </c>
      <c r="L42" s="8">
        <v>16646131</v>
      </c>
      <c r="M42" s="8">
        <v>16706523</v>
      </c>
      <c r="N42" s="12">
        <v>1</v>
      </c>
      <c r="T42" s="25"/>
      <c r="U42" s="25"/>
    </row>
    <row r="43" spans="1:21" ht="128.25" x14ac:dyDescent="0.2">
      <c r="A43" s="8" t="s">
        <v>166</v>
      </c>
      <c r="B43" s="8">
        <v>-1.42840852624604</v>
      </c>
      <c r="C43" s="8">
        <v>4.5756042323311998</v>
      </c>
      <c r="D43" s="8">
        <v>-18.538719646509598</v>
      </c>
      <c r="E43" s="9">
        <v>1.27409450754026E-14</v>
      </c>
      <c r="F43" s="10">
        <v>2.0472897095335799E-13</v>
      </c>
      <c r="G43" s="8">
        <v>23.1716415450861</v>
      </c>
      <c r="H43" s="8">
        <v>1993</v>
      </c>
      <c r="I43" s="8" t="s">
        <v>167</v>
      </c>
      <c r="J43" s="11" t="s">
        <v>168</v>
      </c>
      <c r="K43" s="8">
        <v>9</v>
      </c>
      <c r="L43" s="8">
        <v>23690104</v>
      </c>
      <c r="M43" s="8">
        <v>23826337</v>
      </c>
      <c r="N43" s="12">
        <v>-1</v>
      </c>
      <c r="T43" s="25"/>
      <c r="U43" s="25"/>
    </row>
    <row r="44" spans="1:21" ht="114" x14ac:dyDescent="0.2">
      <c r="A44" s="8" t="s">
        <v>169</v>
      </c>
      <c r="B44" s="8">
        <v>0.89911073776338402</v>
      </c>
      <c r="C44" s="8">
        <v>4.7720794574973402</v>
      </c>
      <c r="D44" s="8">
        <v>18.513762834292699</v>
      </c>
      <c r="E44" s="9">
        <v>1.30907333807209E-14</v>
      </c>
      <c r="F44" s="10">
        <v>2.09110140880421E-13</v>
      </c>
      <c r="G44" s="8">
        <v>23.036445304515102</v>
      </c>
      <c r="H44" s="8">
        <v>28960</v>
      </c>
      <c r="I44" s="8" t="s">
        <v>170</v>
      </c>
      <c r="J44" s="11" t="s">
        <v>171</v>
      </c>
      <c r="K44" s="8">
        <v>11</v>
      </c>
      <c r="L44" s="8">
        <v>126303752</v>
      </c>
      <c r="M44" s="8">
        <v>126345749</v>
      </c>
      <c r="N44" s="12">
        <v>1</v>
      </c>
      <c r="T44" s="25"/>
      <c r="U44" s="25"/>
    </row>
    <row r="45" spans="1:21" ht="114" x14ac:dyDescent="0.2">
      <c r="A45" s="8" t="s">
        <v>172</v>
      </c>
      <c r="B45" s="8">
        <v>1.4789890817876601</v>
      </c>
      <c r="C45" s="8">
        <v>3.5498216753136398</v>
      </c>
      <c r="D45" s="8">
        <v>18.2977137263237</v>
      </c>
      <c r="E45" s="9">
        <v>1.6572269851617801E-14</v>
      </c>
      <c r="F45" s="10">
        <v>2.5799176782128802E-13</v>
      </c>
      <c r="G45" s="8">
        <v>23.052858468086999</v>
      </c>
      <c r="H45" s="8">
        <v>55068</v>
      </c>
      <c r="I45" s="8" t="s">
        <v>173</v>
      </c>
      <c r="J45" s="11" t="s">
        <v>174</v>
      </c>
      <c r="K45" s="8">
        <v>13</v>
      </c>
      <c r="L45" s="8">
        <v>43213518</v>
      </c>
      <c r="M45" s="8">
        <v>43786908</v>
      </c>
      <c r="N45" s="12">
        <v>-1</v>
      </c>
      <c r="T45" s="25"/>
      <c r="U45" s="25"/>
    </row>
    <row r="46" spans="1:21" ht="99.75" x14ac:dyDescent="0.2">
      <c r="A46" s="8" t="s">
        <v>46</v>
      </c>
      <c r="B46" s="8">
        <v>3.4625554102089899</v>
      </c>
      <c r="C46" s="8">
        <v>1.0793830719767299</v>
      </c>
      <c r="D46" s="8">
        <v>18.2548624427322</v>
      </c>
      <c r="E46" s="9">
        <v>1.73709247717337E-14</v>
      </c>
      <c r="F46" s="10">
        <v>2.6976107969982801E-13</v>
      </c>
      <c r="G46" s="8">
        <v>23.334746380376099</v>
      </c>
      <c r="H46" s="8">
        <v>23424</v>
      </c>
      <c r="I46" s="8" t="s">
        <v>47</v>
      </c>
      <c r="J46" s="11" t="s">
        <v>48</v>
      </c>
      <c r="K46" s="8">
        <v>9</v>
      </c>
      <c r="L46" s="8">
        <v>97411950</v>
      </c>
      <c r="M46" s="8">
        <v>97496125</v>
      </c>
      <c r="N46" s="12">
        <v>1</v>
      </c>
      <c r="T46" s="25"/>
      <c r="U46" s="25"/>
    </row>
    <row r="47" spans="1:21" ht="156.75" x14ac:dyDescent="0.2">
      <c r="A47" s="8" t="s">
        <v>175</v>
      </c>
      <c r="B47" s="8">
        <v>1.9988174139879999</v>
      </c>
      <c r="C47" s="8">
        <v>2.4613530553525398</v>
      </c>
      <c r="D47" s="8">
        <v>18.209042206508101</v>
      </c>
      <c r="E47" s="9">
        <v>1.8269521893311098E-14</v>
      </c>
      <c r="F47" s="10">
        <v>2.8279014434695302E-13</v>
      </c>
      <c r="G47" s="8">
        <v>23.170099352586099</v>
      </c>
      <c r="H47" s="8">
        <v>27350</v>
      </c>
      <c r="I47" s="8" t="s">
        <v>176</v>
      </c>
      <c r="J47" s="11" t="s">
        <v>177</v>
      </c>
      <c r="K47" s="8">
        <v>22</v>
      </c>
      <c r="L47" s="8">
        <v>39014083</v>
      </c>
      <c r="M47" s="8">
        <v>39020352</v>
      </c>
      <c r="N47" s="12">
        <v>1</v>
      </c>
      <c r="T47" s="25"/>
      <c r="U47" s="25"/>
    </row>
    <row r="48" spans="1:21" ht="114" x14ac:dyDescent="0.2">
      <c r="A48" s="8" t="s">
        <v>178</v>
      </c>
      <c r="B48" s="8">
        <v>1.07918667719696</v>
      </c>
      <c r="C48" s="8">
        <v>4.5435532474332296</v>
      </c>
      <c r="D48" s="8">
        <v>18.1190382665336</v>
      </c>
      <c r="E48" s="9">
        <v>2.0178814548416601E-14</v>
      </c>
      <c r="F48" s="10">
        <v>3.0956617921204601E-13</v>
      </c>
      <c r="G48" s="8">
        <v>22.634732349559901</v>
      </c>
      <c r="H48" s="8">
        <v>64976</v>
      </c>
      <c r="I48" s="8" t="s">
        <v>179</v>
      </c>
      <c r="J48" s="11" t="s">
        <v>180</v>
      </c>
      <c r="K48" s="8">
        <v>22</v>
      </c>
      <c r="L48" s="8">
        <v>19431902</v>
      </c>
      <c r="M48" s="8">
        <v>19436075</v>
      </c>
      <c r="N48" s="12">
        <v>1</v>
      </c>
      <c r="T48" s="25"/>
      <c r="U48" s="25"/>
    </row>
    <row r="49" spans="1:21" ht="99.75" x14ac:dyDescent="0.2">
      <c r="A49" s="8" t="s">
        <v>181</v>
      </c>
      <c r="B49" s="8">
        <v>0.60392669852755498</v>
      </c>
      <c r="C49" s="8">
        <v>6.76943919398287</v>
      </c>
      <c r="D49" s="8">
        <v>17.858604005357499</v>
      </c>
      <c r="E49" s="9">
        <v>2.6970108205761001E-14</v>
      </c>
      <c r="F49" s="10">
        <v>3.9877787954192402E-13</v>
      </c>
      <c r="G49" s="8">
        <v>22.029089137966199</v>
      </c>
      <c r="H49" s="8">
        <v>55269</v>
      </c>
      <c r="I49" s="8" t="s">
        <v>182</v>
      </c>
      <c r="J49" s="11" t="s">
        <v>183</v>
      </c>
      <c r="K49" s="8">
        <v>13</v>
      </c>
      <c r="L49" s="8">
        <v>19674752</v>
      </c>
      <c r="M49" s="8">
        <v>19783019</v>
      </c>
      <c r="N49" s="12">
        <v>-1</v>
      </c>
      <c r="T49" s="25"/>
      <c r="U49" s="25"/>
    </row>
    <row r="50" spans="1:21" ht="99.75" x14ac:dyDescent="0.2">
      <c r="A50" s="8" t="s">
        <v>184</v>
      </c>
      <c r="B50" s="8">
        <v>0.79832656034635796</v>
      </c>
      <c r="C50" s="8">
        <v>5.54643542991752</v>
      </c>
      <c r="D50" s="8">
        <v>17.855727945860099</v>
      </c>
      <c r="E50" s="9">
        <v>2.7057210640915199E-14</v>
      </c>
      <c r="F50" s="10">
        <v>3.9927269543751697E-13</v>
      </c>
      <c r="G50" s="8">
        <v>22.151170954083501</v>
      </c>
      <c r="H50" s="8">
        <v>57696</v>
      </c>
      <c r="I50" s="8" t="s">
        <v>185</v>
      </c>
      <c r="J50" s="11" t="s">
        <v>186</v>
      </c>
      <c r="K50" s="8">
        <v>12</v>
      </c>
      <c r="L50" s="8">
        <v>123602077</v>
      </c>
      <c r="M50" s="8">
        <v>123620941</v>
      </c>
      <c r="N50" s="12">
        <v>1</v>
      </c>
      <c r="T50" s="25"/>
      <c r="U50" s="25"/>
    </row>
    <row r="51" spans="1:21" ht="114" x14ac:dyDescent="0.2">
      <c r="A51" s="8" t="s">
        <v>187</v>
      </c>
      <c r="B51" s="8">
        <v>0.75032110231751403</v>
      </c>
      <c r="C51" s="8">
        <v>6.1699522922240897</v>
      </c>
      <c r="D51" s="8">
        <v>17.650620492170901</v>
      </c>
      <c r="E51" s="9">
        <v>3.4092882411135297E-14</v>
      </c>
      <c r="F51" s="10">
        <v>4.9162661817333997E-13</v>
      </c>
      <c r="G51" s="8">
        <v>21.834868948395702</v>
      </c>
      <c r="H51" s="8">
        <v>203522</v>
      </c>
      <c r="I51" s="8" t="s">
        <v>188</v>
      </c>
      <c r="J51" s="11" t="s">
        <v>189</v>
      </c>
      <c r="K51" s="8" t="s">
        <v>108</v>
      </c>
      <c r="L51" s="8">
        <v>135520659</v>
      </c>
      <c r="M51" s="8">
        <v>135582510</v>
      </c>
      <c r="N51" s="12">
        <v>1</v>
      </c>
      <c r="T51" s="25"/>
      <c r="U51" s="25"/>
    </row>
    <row r="52" spans="1:21" ht="114" x14ac:dyDescent="0.2">
      <c r="A52" s="8" t="s">
        <v>190</v>
      </c>
      <c r="B52" s="8">
        <v>1.0693741643123</v>
      </c>
      <c r="C52" s="8">
        <v>6.9697325781304498</v>
      </c>
      <c r="D52" s="8">
        <v>17.633378517184799</v>
      </c>
      <c r="E52" s="9">
        <v>3.4765514657135901E-14</v>
      </c>
      <c r="F52" s="10">
        <v>5.0056538061340598E-13</v>
      </c>
      <c r="G52" s="8">
        <v>21.751925794457399</v>
      </c>
      <c r="H52" s="8">
        <v>64782</v>
      </c>
      <c r="I52" s="8" t="s">
        <v>191</v>
      </c>
      <c r="J52" s="11" t="s">
        <v>192</v>
      </c>
      <c r="K52" s="8">
        <v>15</v>
      </c>
      <c r="L52" s="8">
        <v>88621296</v>
      </c>
      <c r="M52" s="8">
        <v>88632282</v>
      </c>
      <c r="N52" s="12">
        <v>1</v>
      </c>
      <c r="T52" s="25"/>
      <c r="U52" s="25"/>
    </row>
    <row r="53" spans="1:21" ht="128.25" x14ac:dyDescent="0.2">
      <c r="A53" s="8" t="s">
        <v>193</v>
      </c>
      <c r="B53" s="8">
        <v>0.78514058038273504</v>
      </c>
      <c r="C53" s="8">
        <v>5.6162076252420299</v>
      </c>
      <c r="D53" s="8">
        <v>17.593714854477799</v>
      </c>
      <c r="E53" s="9">
        <v>3.6365972450145799E-14</v>
      </c>
      <c r="F53" s="10">
        <v>5.1927543956840902E-13</v>
      </c>
      <c r="G53" s="8">
        <v>21.833756589025999</v>
      </c>
      <c r="H53" s="8">
        <v>116461</v>
      </c>
      <c r="I53" s="8" t="s">
        <v>194</v>
      </c>
      <c r="J53" s="11" t="s">
        <v>195</v>
      </c>
      <c r="K53" s="8">
        <v>1</v>
      </c>
      <c r="L53" s="8">
        <v>184051677</v>
      </c>
      <c r="M53" s="8">
        <v>184074212</v>
      </c>
      <c r="N53" s="12">
        <v>1</v>
      </c>
      <c r="T53" s="25"/>
      <c r="U53" s="25"/>
    </row>
    <row r="54" spans="1:21" ht="85.5" x14ac:dyDescent="0.2">
      <c r="A54" s="8" t="s">
        <v>196</v>
      </c>
      <c r="B54" s="8">
        <v>-1.1951702998171101</v>
      </c>
      <c r="C54" s="8">
        <v>7.9384940755302997</v>
      </c>
      <c r="D54" s="8">
        <v>-17.431541067175498</v>
      </c>
      <c r="E54" s="9">
        <v>4.3754187965888802E-14</v>
      </c>
      <c r="F54" s="10">
        <v>6.1505424076197898E-13</v>
      </c>
      <c r="G54" s="8">
        <v>21.4692870871163</v>
      </c>
      <c r="H54" s="8">
        <v>871</v>
      </c>
      <c r="I54" s="8" t="s">
        <v>197</v>
      </c>
      <c r="J54" s="11" t="s">
        <v>198</v>
      </c>
      <c r="K54" s="8">
        <v>11</v>
      </c>
      <c r="L54" s="8">
        <v>75562056</v>
      </c>
      <c r="M54" s="8">
        <v>75572783</v>
      </c>
      <c r="N54" s="12">
        <v>1</v>
      </c>
      <c r="T54" s="25"/>
      <c r="U54" s="25"/>
    </row>
    <row r="55" spans="1:21" ht="128.25" x14ac:dyDescent="0.2">
      <c r="A55" s="8" t="s">
        <v>199</v>
      </c>
      <c r="B55" s="8">
        <v>0.60313640820085501</v>
      </c>
      <c r="C55" s="8">
        <v>7.2602839016992204</v>
      </c>
      <c r="D55" s="8">
        <v>17.351456302666101</v>
      </c>
      <c r="E55" s="9">
        <v>4.7965284368675602E-14</v>
      </c>
      <c r="F55" s="10">
        <v>6.6537807124587405E-13</v>
      </c>
      <c r="G55" s="8">
        <v>21.399763863907399</v>
      </c>
      <c r="H55" s="8">
        <v>51637</v>
      </c>
      <c r="I55" s="8" t="s">
        <v>200</v>
      </c>
      <c r="J55" s="11" t="s">
        <v>201</v>
      </c>
      <c r="K55" s="8">
        <v>14</v>
      </c>
      <c r="L55" s="8">
        <v>51989475</v>
      </c>
      <c r="M55" s="8">
        <v>52010691</v>
      </c>
      <c r="N55" s="12">
        <v>1</v>
      </c>
      <c r="T55" s="25"/>
      <c r="U55" s="25"/>
    </row>
    <row r="56" spans="1:21" ht="71.25" x14ac:dyDescent="0.2">
      <c r="A56" s="8" t="s">
        <v>202</v>
      </c>
      <c r="B56" s="8">
        <v>-0.91835280988874102</v>
      </c>
      <c r="C56" s="8">
        <v>5.4662879723855102</v>
      </c>
      <c r="D56" s="8">
        <v>-17.339126128831499</v>
      </c>
      <c r="E56" s="9">
        <v>4.8650311461785303E-14</v>
      </c>
      <c r="F56" s="10">
        <v>6.7389559168635004E-13</v>
      </c>
      <c r="G56" s="8">
        <v>21.5849846703473</v>
      </c>
      <c r="H56" s="8">
        <v>2896</v>
      </c>
      <c r="I56" s="8" t="s">
        <v>203</v>
      </c>
      <c r="J56" s="11" t="s">
        <v>204</v>
      </c>
      <c r="K56" s="8">
        <v>17</v>
      </c>
      <c r="L56" s="8">
        <v>44345086</v>
      </c>
      <c r="M56" s="8">
        <v>44353102</v>
      </c>
      <c r="N56" s="12">
        <v>1</v>
      </c>
      <c r="T56" s="25"/>
      <c r="U56" s="25"/>
    </row>
    <row r="57" spans="1:21" ht="114" x14ac:dyDescent="0.2">
      <c r="A57" s="8" t="s">
        <v>205</v>
      </c>
      <c r="B57" s="8">
        <v>-0.74727092497122705</v>
      </c>
      <c r="C57" s="8">
        <v>7.1359426072285599</v>
      </c>
      <c r="D57" s="8">
        <v>-17.319425168929602</v>
      </c>
      <c r="E57" s="9">
        <v>4.9766109157512803E-14</v>
      </c>
      <c r="F57" s="10">
        <v>6.8634553305386599E-13</v>
      </c>
      <c r="G57" s="8">
        <v>21.377373717700799</v>
      </c>
      <c r="H57" s="8">
        <v>1107</v>
      </c>
      <c r="I57" s="8" t="s">
        <v>206</v>
      </c>
      <c r="J57" s="11" t="s">
        <v>207</v>
      </c>
      <c r="K57" s="8">
        <v>17</v>
      </c>
      <c r="L57" s="8">
        <v>7884806</v>
      </c>
      <c r="M57" s="8">
        <v>7912760</v>
      </c>
      <c r="N57" s="12">
        <v>1</v>
      </c>
      <c r="T57" s="25"/>
      <c r="U57" s="25"/>
    </row>
    <row r="58" spans="1:21" ht="71.25" x14ac:dyDescent="0.2">
      <c r="A58" s="8" t="s">
        <v>18</v>
      </c>
      <c r="B58" s="8">
        <v>-7.51784122879672</v>
      </c>
      <c r="C58" s="8">
        <v>0.99835572232714198</v>
      </c>
      <c r="D58" s="8">
        <v>-17.123861047639402</v>
      </c>
      <c r="E58" s="9">
        <v>6.2405885177155502E-14</v>
      </c>
      <c r="F58" s="10">
        <v>8.4170325728989396E-13</v>
      </c>
      <c r="G58" s="8">
        <v>21.7127753546762</v>
      </c>
      <c r="H58" s="8">
        <v>3875</v>
      </c>
      <c r="I58" s="8" t="s">
        <v>19</v>
      </c>
      <c r="J58" s="11" t="s">
        <v>20</v>
      </c>
      <c r="K58" s="8">
        <v>12</v>
      </c>
      <c r="L58" s="8">
        <v>52948871</v>
      </c>
      <c r="M58" s="8">
        <v>52952901</v>
      </c>
      <c r="N58" s="12">
        <v>1</v>
      </c>
      <c r="T58" s="25"/>
      <c r="U58" s="25"/>
    </row>
    <row r="59" spans="1:21" ht="128.25" x14ac:dyDescent="0.2">
      <c r="A59" s="8" t="s">
        <v>208</v>
      </c>
      <c r="B59" s="8">
        <v>-0.67136749461164102</v>
      </c>
      <c r="C59" s="8">
        <v>6.8117812533997499</v>
      </c>
      <c r="D59" s="8">
        <v>-17.027986860495201</v>
      </c>
      <c r="E59" s="9">
        <v>6.9786318723589297E-14</v>
      </c>
      <c r="F59" s="10">
        <v>9.3001051293367497E-13</v>
      </c>
      <c r="G59" s="8">
        <v>21.046773214748299</v>
      </c>
      <c r="H59" s="8">
        <v>23272</v>
      </c>
      <c r="I59" s="8" t="s">
        <v>209</v>
      </c>
      <c r="J59" s="11" t="s">
        <v>210</v>
      </c>
      <c r="K59" s="8">
        <v>3</v>
      </c>
      <c r="L59" s="8">
        <v>56620133</v>
      </c>
      <c r="M59" s="8">
        <v>56683237</v>
      </c>
      <c r="N59" s="12">
        <v>-1</v>
      </c>
      <c r="T59" s="25"/>
      <c r="U59" s="25"/>
    </row>
    <row r="60" spans="1:21" ht="114" x14ac:dyDescent="0.2">
      <c r="A60" s="8" t="s">
        <v>211</v>
      </c>
      <c r="B60" s="8">
        <v>0.56478838703032697</v>
      </c>
      <c r="C60" s="8">
        <v>6.6186362445260496</v>
      </c>
      <c r="D60" s="8">
        <v>17.021461877312898</v>
      </c>
      <c r="E60" s="9">
        <v>7.0320632739499894E-14</v>
      </c>
      <c r="F60" s="10">
        <v>9.3647343684034397E-13</v>
      </c>
      <c r="G60" s="8">
        <v>21.0427377979981</v>
      </c>
      <c r="H60" s="8">
        <v>23351</v>
      </c>
      <c r="I60" s="8" t="s">
        <v>212</v>
      </c>
      <c r="J60" s="11" t="s">
        <v>213</v>
      </c>
      <c r="K60" s="8">
        <v>14</v>
      </c>
      <c r="L60" s="8">
        <v>24429286</v>
      </c>
      <c r="M60" s="8">
        <v>24441834</v>
      </c>
      <c r="N60" s="12">
        <v>1</v>
      </c>
      <c r="T60" s="25"/>
      <c r="U60" s="25"/>
    </row>
    <row r="61" spans="1:21" ht="85.5" x14ac:dyDescent="0.2">
      <c r="A61" s="8" t="s">
        <v>72</v>
      </c>
      <c r="B61" s="8">
        <v>-2.4848654168029101</v>
      </c>
      <c r="C61" s="8">
        <v>3.6136619434380002</v>
      </c>
      <c r="D61" s="8">
        <v>-16.7944512582248</v>
      </c>
      <c r="E61" s="9">
        <v>9.1837348518845998E-14</v>
      </c>
      <c r="F61" s="10">
        <v>1.19568527224474E-12</v>
      </c>
      <c r="G61" s="8">
        <v>21.410217257549998</v>
      </c>
      <c r="H61" s="8">
        <v>7145</v>
      </c>
      <c r="I61" s="8" t="s">
        <v>59</v>
      </c>
      <c r="J61" s="11" t="s">
        <v>73</v>
      </c>
      <c r="K61" s="8">
        <v>2</v>
      </c>
      <c r="L61" s="8">
        <v>217799789</v>
      </c>
      <c r="M61" s="8">
        <v>218002995</v>
      </c>
      <c r="N61" s="12">
        <v>-1</v>
      </c>
      <c r="T61" s="25"/>
      <c r="U61" s="25"/>
    </row>
    <row r="62" spans="1:21" ht="85.5" x14ac:dyDescent="0.2">
      <c r="A62" s="8" t="s">
        <v>214</v>
      </c>
      <c r="B62" s="8">
        <v>0.583492702494668</v>
      </c>
      <c r="C62" s="8">
        <v>6.6976214927345303</v>
      </c>
      <c r="D62" s="8">
        <v>16.6346713519637</v>
      </c>
      <c r="E62" s="9">
        <v>1.1102922724092299E-13</v>
      </c>
      <c r="F62" s="10">
        <v>1.4226884843693401E-12</v>
      </c>
      <c r="G62" s="8">
        <v>20.561797295918701</v>
      </c>
      <c r="H62" s="8">
        <v>3035</v>
      </c>
      <c r="I62" s="8" t="s">
        <v>215</v>
      </c>
      <c r="J62" s="11" t="s">
        <v>216</v>
      </c>
      <c r="K62" s="8">
        <v>5</v>
      </c>
      <c r="L62" s="8">
        <v>140673173</v>
      </c>
      <c r="M62" s="8">
        <v>140692024</v>
      </c>
      <c r="N62" s="12">
        <v>-1</v>
      </c>
      <c r="T62" s="25"/>
      <c r="U62" s="25"/>
    </row>
    <row r="63" spans="1:21" ht="71.25" x14ac:dyDescent="0.2">
      <c r="A63" s="8" t="s">
        <v>217</v>
      </c>
      <c r="B63" s="8">
        <v>-1.4474444114473399</v>
      </c>
      <c r="C63" s="8">
        <v>3.3652533612450202</v>
      </c>
      <c r="D63" s="8">
        <v>-16.578266799397301</v>
      </c>
      <c r="E63" s="9">
        <v>1.1876690428018399E-13</v>
      </c>
      <c r="F63" s="10">
        <v>1.5136598673774799E-12</v>
      </c>
      <c r="G63" s="8">
        <v>21.120254634361899</v>
      </c>
      <c r="H63" s="8">
        <v>11151</v>
      </c>
      <c r="I63" s="8" t="s">
        <v>218</v>
      </c>
      <c r="J63" s="11" t="s">
        <v>219</v>
      </c>
      <c r="K63" s="8">
        <v>16</v>
      </c>
      <c r="L63" s="8">
        <v>30182827</v>
      </c>
      <c r="M63" s="8">
        <v>30189076</v>
      </c>
      <c r="N63" s="12">
        <v>1</v>
      </c>
      <c r="T63" s="25"/>
      <c r="U63" s="25"/>
    </row>
    <row r="64" spans="1:21" ht="128.25" x14ac:dyDescent="0.2">
      <c r="A64" s="8" t="s">
        <v>220</v>
      </c>
      <c r="B64" s="8">
        <v>-0.54361385753285696</v>
      </c>
      <c r="C64" s="8">
        <v>7.7492943110702397</v>
      </c>
      <c r="D64" s="8">
        <v>-16.510755444347801</v>
      </c>
      <c r="E64" s="9">
        <v>1.28773940188277E-13</v>
      </c>
      <c r="F64" s="10">
        <v>1.62916204196862E-12</v>
      </c>
      <c r="G64" s="8">
        <v>20.350732094149901</v>
      </c>
      <c r="H64" s="8">
        <v>2923</v>
      </c>
      <c r="I64" s="8" t="s">
        <v>221</v>
      </c>
      <c r="J64" s="11" t="s">
        <v>222</v>
      </c>
      <c r="K64" s="8">
        <v>15</v>
      </c>
      <c r="L64" s="8">
        <v>43746392</v>
      </c>
      <c r="M64" s="8">
        <v>43773279</v>
      </c>
      <c r="N64" s="12">
        <v>1</v>
      </c>
      <c r="T64" s="25"/>
      <c r="U64" s="25"/>
    </row>
    <row r="65" spans="1:21" ht="142.5" x14ac:dyDescent="0.2">
      <c r="A65" s="8" t="s">
        <v>223</v>
      </c>
      <c r="B65" s="8">
        <v>-1.2632997299731199</v>
      </c>
      <c r="C65" s="8">
        <v>3.4437647301321799</v>
      </c>
      <c r="D65" s="8">
        <v>-16.465215263281301</v>
      </c>
      <c r="E65" s="9">
        <v>1.3601814205038901E-13</v>
      </c>
      <c r="F65" s="10">
        <v>1.7094147560862401E-12</v>
      </c>
      <c r="G65" s="8">
        <v>20.952024925301501</v>
      </c>
      <c r="H65" s="8">
        <v>132430</v>
      </c>
      <c r="I65" s="8" t="s">
        <v>224</v>
      </c>
      <c r="J65" s="11" t="s">
        <v>225</v>
      </c>
      <c r="K65" s="8">
        <v>4</v>
      </c>
      <c r="L65" s="8">
        <v>134196333</v>
      </c>
      <c r="M65" s="8">
        <v>134201748</v>
      </c>
      <c r="N65" s="12">
        <v>-1</v>
      </c>
      <c r="T65" s="25"/>
      <c r="U65" s="25"/>
    </row>
    <row r="66" spans="1:21" ht="128.25" x14ac:dyDescent="0.2">
      <c r="A66" s="8" t="s">
        <v>226</v>
      </c>
      <c r="B66" s="8">
        <v>0.91831305343696301</v>
      </c>
      <c r="C66" s="8">
        <v>5.7950467877066796</v>
      </c>
      <c r="D66" s="8">
        <v>16.456239528594502</v>
      </c>
      <c r="E66" s="9">
        <v>1.3749542072849501E-13</v>
      </c>
      <c r="F66" s="10">
        <v>1.72569484071736E-12</v>
      </c>
      <c r="G66" s="8">
        <v>20.42871013269</v>
      </c>
      <c r="H66" s="8">
        <v>55603</v>
      </c>
      <c r="I66" s="8" t="s">
        <v>227</v>
      </c>
      <c r="J66" s="11" t="s">
        <v>228</v>
      </c>
      <c r="K66" s="8">
        <v>6</v>
      </c>
      <c r="L66" s="8">
        <v>81491439</v>
      </c>
      <c r="M66" s="8">
        <v>81752774</v>
      </c>
      <c r="N66" s="12">
        <v>-1</v>
      </c>
      <c r="T66" s="25"/>
      <c r="U66" s="25"/>
    </row>
    <row r="67" spans="1:21" ht="156.75" x14ac:dyDescent="0.2">
      <c r="A67" s="8" t="s">
        <v>229</v>
      </c>
      <c r="B67" s="8">
        <v>0.85176724465587605</v>
      </c>
      <c r="C67" s="8">
        <v>5.0172937868845704</v>
      </c>
      <c r="D67" s="8">
        <v>16.264419736198398</v>
      </c>
      <c r="E67" s="9">
        <v>1.7341132888377701E-13</v>
      </c>
      <c r="F67" s="10">
        <v>2.0960680179792501E-12</v>
      </c>
      <c r="G67" s="8">
        <v>20.3076196033564</v>
      </c>
      <c r="H67" s="8">
        <v>84319</v>
      </c>
      <c r="I67" s="8" t="s">
        <v>230</v>
      </c>
      <c r="J67" s="11" t="s">
        <v>231</v>
      </c>
      <c r="K67" s="8">
        <v>3</v>
      </c>
      <c r="L67" s="8">
        <v>99817834</v>
      </c>
      <c r="M67" s="8">
        <v>100181732</v>
      </c>
      <c r="N67" s="12">
        <v>1</v>
      </c>
      <c r="T67" s="25"/>
      <c r="U67" s="25"/>
    </row>
    <row r="68" spans="1:21" ht="128.25" x14ac:dyDescent="0.2">
      <c r="A68" s="8" t="s">
        <v>232</v>
      </c>
      <c r="B68" s="8">
        <v>0.84300577764527196</v>
      </c>
      <c r="C68" s="8">
        <v>4.5459329125946901</v>
      </c>
      <c r="D68" s="8">
        <v>16.252653089848</v>
      </c>
      <c r="E68" s="9">
        <v>1.7591110983668501E-13</v>
      </c>
      <c r="F68" s="10">
        <v>2.123578327844E-12</v>
      </c>
      <c r="G68" s="8">
        <v>20.3847631220731</v>
      </c>
      <c r="H68" s="8">
        <v>6100</v>
      </c>
      <c r="I68" s="8" t="s">
        <v>233</v>
      </c>
      <c r="J68" s="11" t="s">
        <v>234</v>
      </c>
      <c r="K68" s="8">
        <v>7</v>
      </c>
      <c r="L68" s="8">
        <v>33094797</v>
      </c>
      <c r="M68" s="8">
        <v>33109401</v>
      </c>
      <c r="N68" s="12">
        <v>-1</v>
      </c>
      <c r="T68" s="25"/>
      <c r="U68" s="25"/>
    </row>
    <row r="69" spans="1:21" ht="99.75" x14ac:dyDescent="0.2">
      <c r="A69" s="8" t="s">
        <v>235</v>
      </c>
      <c r="B69" s="8">
        <v>0.639759286734078</v>
      </c>
      <c r="C69" s="8">
        <v>8.3616190920820603</v>
      </c>
      <c r="D69" s="8">
        <v>16.250634819446599</v>
      </c>
      <c r="E69" s="9">
        <v>1.7634364767504399E-13</v>
      </c>
      <c r="F69" s="10">
        <v>2.1274465365094098E-12</v>
      </c>
      <c r="G69" s="8">
        <v>19.986095040203001</v>
      </c>
      <c r="H69" s="8">
        <v>2130</v>
      </c>
      <c r="I69" s="8" t="s">
        <v>236</v>
      </c>
      <c r="J69" s="11" t="s">
        <v>237</v>
      </c>
      <c r="K69" s="8">
        <v>22</v>
      </c>
      <c r="L69" s="8">
        <v>29268009</v>
      </c>
      <c r="M69" s="8">
        <v>29300525</v>
      </c>
      <c r="N69" s="12">
        <v>1</v>
      </c>
      <c r="T69" s="25"/>
      <c r="U69" s="25"/>
    </row>
    <row r="70" spans="1:21" ht="128.25" x14ac:dyDescent="0.2">
      <c r="A70" s="8" t="s">
        <v>238</v>
      </c>
      <c r="B70" s="8">
        <v>-1.3909920115374399</v>
      </c>
      <c r="C70" s="8">
        <v>3.8620875159684198</v>
      </c>
      <c r="D70" s="8">
        <v>-16.075958554548301</v>
      </c>
      <c r="E70" s="9">
        <v>2.1832322173932E-13</v>
      </c>
      <c r="F70" s="10">
        <v>2.5910692801420101E-12</v>
      </c>
      <c r="G70" s="8">
        <v>20.380951173103899</v>
      </c>
      <c r="H70" s="8">
        <v>57523</v>
      </c>
      <c r="I70" s="8" t="s">
        <v>239</v>
      </c>
      <c r="J70" s="11" t="s">
        <v>240</v>
      </c>
      <c r="K70" s="8">
        <v>14</v>
      </c>
      <c r="L70" s="8">
        <v>24398786</v>
      </c>
      <c r="M70" s="8">
        <v>24419288</v>
      </c>
      <c r="N70" s="12">
        <v>1</v>
      </c>
      <c r="T70" s="25"/>
      <c r="U70" s="25"/>
    </row>
    <row r="71" spans="1:21" ht="99.75" x14ac:dyDescent="0.2">
      <c r="A71" s="8" t="s">
        <v>241</v>
      </c>
      <c r="B71" s="8">
        <v>0.61565506297591899</v>
      </c>
      <c r="C71" s="8">
        <v>6.1189837767772799</v>
      </c>
      <c r="D71" s="8">
        <v>15.9497917363854</v>
      </c>
      <c r="E71" s="9">
        <v>2.5504834108701699E-13</v>
      </c>
      <c r="F71" s="10">
        <v>2.97300514054565E-12</v>
      </c>
      <c r="G71" s="8">
        <v>19.7464366722227</v>
      </c>
      <c r="H71" s="8">
        <v>90806</v>
      </c>
      <c r="I71" s="8" t="s">
        <v>242</v>
      </c>
      <c r="J71" s="11" t="s">
        <v>243</v>
      </c>
      <c r="K71" s="8">
        <v>1</v>
      </c>
      <c r="L71" s="8">
        <v>212992182</v>
      </c>
      <c r="M71" s="8">
        <v>213015826</v>
      </c>
      <c r="N71" s="12">
        <v>-1</v>
      </c>
      <c r="T71" s="25"/>
      <c r="U71" s="25"/>
    </row>
    <row r="72" spans="1:21" ht="99.75" x14ac:dyDescent="0.2">
      <c r="A72" s="8" t="s">
        <v>244</v>
      </c>
      <c r="B72" s="8">
        <v>0.53666637962731101</v>
      </c>
      <c r="C72" s="8">
        <v>8.4215651242431093</v>
      </c>
      <c r="D72" s="8">
        <v>15.919857556665599</v>
      </c>
      <c r="E72" s="9">
        <v>2.64673024792137E-13</v>
      </c>
      <c r="F72" s="10">
        <v>3.0701100192422899E-12</v>
      </c>
      <c r="G72" s="8">
        <v>19.560742258108601</v>
      </c>
      <c r="H72" s="8">
        <v>10137</v>
      </c>
      <c r="I72" s="8" t="s">
        <v>245</v>
      </c>
      <c r="J72" s="11" t="s">
        <v>246</v>
      </c>
      <c r="K72" s="8">
        <v>20</v>
      </c>
      <c r="L72" s="8">
        <v>35648925</v>
      </c>
      <c r="M72" s="8">
        <v>35664956</v>
      </c>
      <c r="N72" s="12">
        <v>-1</v>
      </c>
      <c r="T72" s="25"/>
      <c r="U72" s="25"/>
    </row>
    <row r="73" spans="1:21" ht="128.25" x14ac:dyDescent="0.2">
      <c r="A73" s="8" t="s">
        <v>247</v>
      </c>
      <c r="B73" s="8">
        <v>0.77401408693974705</v>
      </c>
      <c r="C73" s="8">
        <v>4.9161346284717</v>
      </c>
      <c r="D73" s="8">
        <v>15.899829546949199</v>
      </c>
      <c r="E73" s="9">
        <v>2.7132355510101799E-13</v>
      </c>
      <c r="F73" s="10">
        <v>3.1395775031414801E-12</v>
      </c>
      <c r="G73" s="8">
        <v>19.860722244115198</v>
      </c>
      <c r="H73" s="8">
        <v>56829</v>
      </c>
      <c r="I73" s="8" t="s">
        <v>248</v>
      </c>
      <c r="J73" s="11" t="s">
        <v>249</v>
      </c>
      <c r="K73" s="8">
        <v>7</v>
      </c>
      <c r="L73" s="8">
        <v>139043520</v>
      </c>
      <c r="M73" s="8">
        <v>139109719</v>
      </c>
      <c r="N73" s="12">
        <v>-1</v>
      </c>
      <c r="T73" s="25"/>
      <c r="U73" s="25"/>
    </row>
    <row r="74" spans="1:21" ht="114" x14ac:dyDescent="0.2">
      <c r="A74" s="8" t="s">
        <v>250</v>
      </c>
      <c r="B74" s="8">
        <v>0.63479451703143897</v>
      </c>
      <c r="C74" s="8">
        <v>8.0106630232876199</v>
      </c>
      <c r="D74" s="8">
        <v>15.856739070891599</v>
      </c>
      <c r="E74" s="9">
        <v>2.8623012594742402E-13</v>
      </c>
      <c r="F74" s="10">
        <v>3.2940536635624499E-12</v>
      </c>
      <c r="G74" s="8">
        <v>19.4996764706842</v>
      </c>
      <c r="H74" s="8">
        <v>5935</v>
      </c>
      <c r="I74" s="8" t="s">
        <v>251</v>
      </c>
      <c r="J74" s="11" t="s">
        <v>252</v>
      </c>
      <c r="K74" s="8" t="s">
        <v>108</v>
      </c>
      <c r="L74" s="8">
        <v>48574449</v>
      </c>
      <c r="M74" s="8">
        <v>48579066</v>
      </c>
      <c r="N74" s="12">
        <v>1</v>
      </c>
      <c r="T74" s="25"/>
      <c r="U74" s="25"/>
    </row>
    <row r="75" spans="1:21" ht="128.25" x14ac:dyDescent="0.2">
      <c r="A75" s="8" t="s">
        <v>253</v>
      </c>
      <c r="B75" s="8">
        <v>0.65478861215748296</v>
      </c>
      <c r="C75" s="8">
        <v>6.0295202385400604</v>
      </c>
      <c r="D75" s="8">
        <v>15.8240382685388</v>
      </c>
      <c r="E75" s="9">
        <v>2.98111362009041E-13</v>
      </c>
      <c r="F75" s="10">
        <v>3.4162193942304199E-12</v>
      </c>
      <c r="G75" s="8">
        <v>19.593905714705102</v>
      </c>
      <c r="H75" s="8">
        <v>58155</v>
      </c>
      <c r="I75" s="8" t="s">
        <v>254</v>
      </c>
      <c r="J75" s="11" t="s">
        <v>255</v>
      </c>
      <c r="K75" s="8">
        <v>1</v>
      </c>
      <c r="L75" s="8">
        <v>96721665</v>
      </c>
      <c r="M75" s="8">
        <v>96823738</v>
      </c>
      <c r="N75" s="12">
        <v>1</v>
      </c>
      <c r="T75" s="25"/>
      <c r="U75" s="25"/>
    </row>
    <row r="76" spans="1:21" ht="85.5" x14ac:dyDescent="0.2">
      <c r="A76" s="8" t="s">
        <v>256</v>
      </c>
      <c r="B76" s="8">
        <v>0.55584898688015705</v>
      </c>
      <c r="C76" s="8">
        <v>9.6989214394827794</v>
      </c>
      <c r="D76" s="8">
        <v>15.8110577589177</v>
      </c>
      <c r="E76" s="9">
        <v>3.02969213537491E-13</v>
      </c>
      <c r="F76" s="10">
        <v>3.46560986455754E-12</v>
      </c>
      <c r="G76" s="8">
        <v>19.367430444116199</v>
      </c>
      <c r="H76" s="8" t="s">
        <v>257</v>
      </c>
      <c r="I76" s="8" t="s">
        <v>258</v>
      </c>
      <c r="J76" s="11" t="s">
        <v>259</v>
      </c>
      <c r="K76" s="8">
        <v>17</v>
      </c>
      <c r="L76" s="8">
        <v>64499616</v>
      </c>
      <c r="M76" s="8">
        <v>64508199</v>
      </c>
      <c r="N76" s="12">
        <v>-1</v>
      </c>
      <c r="T76" s="25"/>
      <c r="U76" s="25"/>
    </row>
    <row r="77" spans="1:21" ht="99.75" x14ac:dyDescent="0.2">
      <c r="A77" s="8" t="s">
        <v>260</v>
      </c>
      <c r="B77" s="8">
        <v>-0.68994377426756404</v>
      </c>
      <c r="C77" s="8">
        <v>6.8244757970899297</v>
      </c>
      <c r="D77" s="8">
        <v>-15.778011283162099</v>
      </c>
      <c r="E77" s="9">
        <v>3.1571299259779E-13</v>
      </c>
      <c r="F77" s="10">
        <v>3.5879576066534101E-12</v>
      </c>
      <c r="G77" s="8">
        <v>19.4757634008987</v>
      </c>
      <c r="H77" s="8">
        <v>10749</v>
      </c>
      <c r="I77" s="8" t="s">
        <v>261</v>
      </c>
      <c r="J77" s="11" t="s">
        <v>262</v>
      </c>
      <c r="K77" s="8">
        <v>17</v>
      </c>
      <c r="L77" s="8">
        <v>4997948</v>
      </c>
      <c r="M77" s="8">
        <v>5028401</v>
      </c>
      <c r="N77" s="12">
        <v>1</v>
      </c>
      <c r="T77" s="25"/>
      <c r="U77" s="25"/>
    </row>
    <row r="78" spans="1:21" ht="142.5" x14ac:dyDescent="0.2">
      <c r="A78" s="8" t="s">
        <v>263</v>
      </c>
      <c r="B78" s="8">
        <v>0.76831868296484696</v>
      </c>
      <c r="C78" s="8">
        <v>8.1424785007285099</v>
      </c>
      <c r="D78" s="8">
        <v>15.772774035402399</v>
      </c>
      <c r="E78" s="9">
        <v>3.17783420162936E-13</v>
      </c>
      <c r="F78" s="10">
        <v>3.60680380647849E-12</v>
      </c>
      <c r="G78" s="8">
        <v>19.383710110722799</v>
      </c>
      <c r="H78" s="8">
        <v>55920</v>
      </c>
      <c r="I78" s="8" t="s">
        <v>264</v>
      </c>
      <c r="J78" s="11" t="s">
        <v>265</v>
      </c>
      <c r="K78" s="8">
        <v>1</v>
      </c>
      <c r="L78" s="8">
        <v>17406760</v>
      </c>
      <c r="M78" s="8">
        <v>17439724</v>
      </c>
      <c r="N78" s="12">
        <v>-1</v>
      </c>
      <c r="T78" s="25"/>
      <c r="U78" s="25"/>
    </row>
    <row r="79" spans="1:21" ht="99.75" x14ac:dyDescent="0.2">
      <c r="A79" s="8" t="s">
        <v>266</v>
      </c>
      <c r="B79" s="8">
        <v>-1.8720393281852401</v>
      </c>
      <c r="C79" s="8">
        <v>2.4664995839194801</v>
      </c>
      <c r="D79" s="8">
        <v>-15.6065848534891</v>
      </c>
      <c r="E79" s="9">
        <v>3.9140821854401398E-13</v>
      </c>
      <c r="F79" s="10">
        <v>4.3335786250348601E-12</v>
      </c>
      <c r="G79" s="8">
        <v>20.094727701028599</v>
      </c>
      <c r="H79" s="8">
        <v>55601</v>
      </c>
      <c r="I79" s="8" t="s">
        <v>267</v>
      </c>
      <c r="J79" s="11" t="s">
        <v>268</v>
      </c>
      <c r="K79" s="8">
        <v>4</v>
      </c>
      <c r="L79" s="8">
        <v>168216293</v>
      </c>
      <c r="M79" s="8">
        <v>168318807</v>
      </c>
      <c r="N79" s="12">
        <v>-1</v>
      </c>
      <c r="T79" s="25"/>
      <c r="U79" s="25"/>
    </row>
    <row r="80" spans="1:21" ht="114" x14ac:dyDescent="0.2">
      <c r="A80" s="8" t="s">
        <v>269</v>
      </c>
      <c r="B80" s="8">
        <v>0.82657559606463804</v>
      </c>
      <c r="C80" s="8">
        <v>5.0436528001252903</v>
      </c>
      <c r="D80" s="8">
        <v>15.369578590523099</v>
      </c>
      <c r="E80" s="9">
        <v>5.2858311775441305E-13</v>
      </c>
      <c r="F80" s="10">
        <v>5.6832418275498502E-12</v>
      </c>
      <c r="G80" s="8">
        <v>19.144832345664401</v>
      </c>
      <c r="H80" s="8">
        <v>55756</v>
      </c>
      <c r="I80" s="8" t="s">
        <v>270</v>
      </c>
      <c r="J80" s="11" t="s">
        <v>271</v>
      </c>
      <c r="K80" s="8">
        <v>8</v>
      </c>
      <c r="L80" s="8">
        <v>28767661</v>
      </c>
      <c r="M80" s="8">
        <v>28890242</v>
      </c>
      <c r="N80" s="12">
        <v>-1</v>
      </c>
      <c r="T80" s="25"/>
      <c r="U80" s="25"/>
    </row>
    <row r="81" spans="1:21" ht="128.25" x14ac:dyDescent="0.2">
      <c r="A81" s="8" t="s">
        <v>272</v>
      </c>
      <c r="B81" s="8">
        <v>0.84000876294476301</v>
      </c>
      <c r="C81" s="8">
        <v>4.6539516240385197</v>
      </c>
      <c r="D81" s="8">
        <v>15.3638935448952</v>
      </c>
      <c r="E81" s="9">
        <v>5.32431779829545E-13</v>
      </c>
      <c r="F81" s="10">
        <v>5.7181425499860102E-12</v>
      </c>
      <c r="G81" s="8">
        <v>19.213098981642698</v>
      </c>
      <c r="H81" s="8">
        <v>246175</v>
      </c>
      <c r="I81" s="8" t="s">
        <v>273</v>
      </c>
      <c r="J81" s="11" t="s">
        <v>274</v>
      </c>
      <c r="K81" s="8">
        <v>4</v>
      </c>
      <c r="L81" s="8">
        <v>77713387</v>
      </c>
      <c r="M81" s="8">
        <v>77819615</v>
      </c>
      <c r="N81" s="12">
        <v>-1</v>
      </c>
      <c r="T81" s="25"/>
      <c r="U81" s="25"/>
    </row>
    <row r="82" spans="1:21" ht="142.5" x14ac:dyDescent="0.2">
      <c r="A82" s="8" t="s">
        <v>275</v>
      </c>
      <c r="B82" s="8">
        <v>0.52341870927156797</v>
      </c>
      <c r="C82" s="8">
        <v>7.4485755258697202</v>
      </c>
      <c r="D82" s="8">
        <v>15.2769038255376</v>
      </c>
      <c r="E82" s="9">
        <v>5.9510953313806803E-13</v>
      </c>
      <c r="F82" s="10">
        <v>6.3162156657500603E-12</v>
      </c>
      <c r="G82" s="8">
        <v>18.768764145172501</v>
      </c>
      <c r="H82" s="8">
        <v>10643</v>
      </c>
      <c r="I82" s="8" t="s">
        <v>276</v>
      </c>
      <c r="J82" s="11" t="s">
        <v>277</v>
      </c>
      <c r="K82" s="8">
        <v>7</v>
      </c>
      <c r="L82" s="8">
        <v>23310209</v>
      </c>
      <c r="M82" s="8">
        <v>23470467</v>
      </c>
      <c r="N82" s="12">
        <v>-1</v>
      </c>
      <c r="T82" s="25"/>
      <c r="U82" s="25"/>
    </row>
    <row r="83" spans="1:21" ht="114" x14ac:dyDescent="0.2">
      <c r="A83" s="8" t="s">
        <v>63</v>
      </c>
      <c r="B83" s="8">
        <v>-2.8960651852397099</v>
      </c>
      <c r="C83" s="8">
        <v>1.78828903895517</v>
      </c>
      <c r="D83" s="8">
        <v>-15.193957214695599</v>
      </c>
      <c r="E83" s="9">
        <v>6.6206304554148504E-13</v>
      </c>
      <c r="F83" s="10">
        <v>6.94525727763447E-12</v>
      </c>
      <c r="G83" s="8">
        <v>19.695152057451999</v>
      </c>
      <c r="H83" s="8">
        <v>91351</v>
      </c>
      <c r="I83" s="8" t="s">
        <v>49</v>
      </c>
      <c r="J83" s="11" t="s">
        <v>64</v>
      </c>
      <c r="K83" s="8">
        <v>4</v>
      </c>
      <c r="L83" s="8">
        <v>168356735</v>
      </c>
      <c r="M83" s="8">
        <v>168537786</v>
      </c>
      <c r="N83" s="12">
        <v>-1</v>
      </c>
      <c r="T83" s="25"/>
      <c r="U83" s="25"/>
    </row>
    <row r="84" spans="1:21" ht="128.25" x14ac:dyDescent="0.2">
      <c r="A84" s="8" t="s">
        <v>278</v>
      </c>
      <c r="B84" s="8">
        <v>0.50294751848796604</v>
      </c>
      <c r="C84" s="8">
        <v>10.3939811130659</v>
      </c>
      <c r="D84" s="8">
        <v>15.0941417400925</v>
      </c>
      <c r="E84" s="9">
        <v>7.5318252522681397E-13</v>
      </c>
      <c r="F84" s="10">
        <v>7.8019349242517696E-12</v>
      </c>
      <c r="G84" s="8">
        <v>18.395322078435299</v>
      </c>
      <c r="H84" s="8">
        <v>1982</v>
      </c>
      <c r="I84" s="8" t="s">
        <v>279</v>
      </c>
      <c r="J84" s="11" t="s">
        <v>280</v>
      </c>
      <c r="K84" s="8">
        <v>11</v>
      </c>
      <c r="L84" s="8">
        <v>10797050</v>
      </c>
      <c r="M84" s="8">
        <v>10809110</v>
      </c>
      <c r="N84" s="12">
        <v>-1</v>
      </c>
      <c r="T84" s="25"/>
      <c r="U84" s="25"/>
    </row>
    <row r="85" spans="1:21" ht="99.75" x14ac:dyDescent="0.2">
      <c r="A85" s="8" t="s">
        <v>281</v>
      </c>
      <c r="B85" s="8">
        <v>0.56015377867635496</v>
      </c>
      <c r="C85" s="8">
        <v>7.5857101706197501</v>
      </c>
      <c r="D85" s="8">
        <v>15.089750079562901</v>
      </c>
      <c r="E85" s="9">
        <v>7.5748016716857397E-13</v>
      </c>
      <c r="F85" s="10">
        <v>7.8378959282213903E-12</v>
      </c>
      <c r="G85" s="8">
        <v>18.509969114759699</v>
      </c>
      <c r="H85" s="8">
        <v>5936</v>
      </c>
      <c r="I85" s="8" t="s">
        <v>282</v>
      </c>
      <c r="J85" s="11" t="s">
        <v>283</v>
      </c>
      <c r="K85" s="8">
        <v>11</v>
      </c>
      <c r="L85" s="8">
        <v>66638617</v>
      </c>
      <c r="M85" s="8">
        <v>66666682</v>
      </c>
      <c r="N85" s="12">
        <v>1</v>
      </c>
      <c r="T85" s="25"/>
      <c r="U85" s="25"/>
    </row>
    <row r="86" spans="1:21" ht="128.25" x14ac:dyDescent="0.2">
      <c r="A86" s="8" t="s">
        <v>284</v>
      </c>
      <c r="B86" s="8">
        <v>0.67471910993500495</v>
      </c>
      <c r="C86" s="8">
        <v>5.1064370667172403</v>
      </c>
      <c r="D86" s="8">
        <v>15.034254501365</v>
      </c>
      <c r="E86" s="9">
        <v>8.1404534708178303E-13</v>
      </c>
      <c r="F86" s="10">
        <v>8.3824106531432799E-12</v>
      </c>
      <c r="G86" s="8">
        <v>18.683806710824499</v>
      </c>
      <c r="H86" s="8">
        <v>10569</v>
      </c>
      <c r="I86" s="8" t="s">
        <v>285</v>
      </c>
      <c r="J86" s="11" t="s">
        <v>286</v>
      </c>
      <c r="K86" s="8">
        <v>5</v>
      </c>
      <c r="L86" s="8">
        <v>160401641</v>
      </c>
      <c r="M86" s="8">
        <v>160421711</v>
      </c>
      <c r="N86" s="12">
        <v>-1</v>
      </c>
      <c r="T86" s="25"/>
      <c r="U86" s="25"/>
    </row>
    <row r="87" spans="1:21" ht="128.25" x14ac:dyDescent="0.2">
      <c r="A87" s="8" t="s">
        <v>287</v>
      </c>
      <c r="B87" s="8">
        <v>0.84350191168897704</v>
      </c>
      <c r="C87" s="8">
        <v>4.5273146032840401</v>
      </c>
      <c r="D87" s="8">
        <v>14.9777674655081</v>
      </c>
      <c r="E87" s="9">
        <v>8.7616108851632002E-13</v>
      </c>
      <c r="F87" s="10">
        <v>8.9781081260474596E-12</v>
      </c>
      <c r="G87" s="8">
        <v>18.722498764741701</v>
      </c>
      <c r="H87" s="8">
        <v>135295</v>
      </c>
      <c r="I87" s="8" t="s">
        <v>288</v>
      </c>
      <c r="J87" s="11" t="s">
        <v>289</v>
      </c>
      <c r="K87" s="8">
        <v>6</v>
      </c>
      <c r="L87" s="8">
        <v>89095959</v>
      </c>
      <c r="M87" s="8">
        <v>89118081</v>
      </c>
      <c r="N87" s="12">
        <v>-1</v>
      </c>
      <c r="T87" s="25"/>
      <c r="U87" s="25"/>
    </row>
    <row r="88" spans="1:21" ht="142.5" x14ac:dyDescent="0.2">
      <c r="A88" s="8" t="s">
        <v>290</v>
      </c>
      <c r="B88" s="8">
        <v>0.50542228228964003</v>
      </c>
      <c r="C88" s="8">
        <v>10.0414768949195</v>
      </c>
      <c r="D88" s="8">
        <v>14.974212303645899</v>
      </c>
      <c r="E88" s="9">
        <v>8.8023221815058299E-13</v>
      </c>
      <c r="F88" s="10">
        <v>9.0049416732310597E-12</v>
      </c>
      <c r="G88" s="8">
        <v>18.245164995561002</v>
      </c>
      <c r="H88" s="8">
        <v>7178</v>
      </c>
      <c r="I88" s="8" t="s">
        <v>291</v>
      </c>
      <c r="J88" s="11" t="s">
        <v>292</v>
      </c>
      <c r="K88" s="8">
        <v>13</v>
      </c>
      <c r="L88" s="8">
        <v>45333471</v>
      </c>
      <c r="M88" s="8">
        <v>45341370</v>
      </c>
      <c r="N88" s="12">
        <v>-1</v>
      </c>
      <c r="T88" s="25"/>
      <c r="U88" s="25"/>
    </row>
    <row r="89" spans="1:21" ht="99.75" x14ac:dyDescent="0.2">
      <c r="A89" s="8" t="s">
        <v>293</v>
      </c>
      <c r="B89" s="8">
        <v>0.438010983312969</v>
      </c>
      <c r="C89" s="8">
        <v>10.509821046454899</v>
      </c>
      <c r="D89" s="8">
        <v>14.962013044734601</v>
      </c>
      <c r="E89" s="9">
        <v>8.9435259508420396E-13</v>
      </c>
      <c r="F89" s="10">
        <v>9.1346228185753194E-12</v>
      </c>
      <c r="G89" s="8">
        <v>18.212739348441598</v>
      </c>
      <c r="H89" s="8">
        <v>10399</v>
      </c>
      <c r="I89" s="8" t="s">
        <v>294</v>
      </c>
      <c r="J89" s="11" t="s">
        <v>295</v>
      </c>
      <c r="K89" s="8">
        <v>5</v>
      </c>
      <c r="L89" s="8">
        <v>181236909</v>
      </c>
      <c r="M89" s="8">
        <v>181248096</v>
      </c>
      <c r="N89" s="12">
        <v>-1</v>
      </c>
      <c r="T89" s="25"/>
      <c r="U89" s="25"/>
    </row>
    <row r="90" spans="1:21" ht="114" x14ac:dyDescent="0.2">
      <c r="A90" s="8" t="s">
        <v>296</v>
      </c>
      <c r="B90" s="8">
        <v>0.57260328198848098</v>
      </c>
      <c r="C90" s="8">
        <v>8.8512243928070902</v>
      </c>
      <c r="D90" s="8">
        <v>14.912543899581101</v>
      </c>
      <c r="E90" s="9">
        <v>9.5407795869271902E-13</v>
      </c>
      <c r="F90" s="10">
        <v>9.6872859401346802E-12</v>
      </c>
      <c r="G90" s="8">
        <v>18.206363427776399</v>
      </c>
      <c r="H90" s="8">
        <v>8880</v>
      </c>
      <c r="I90" s="8" t="s">
        <v>297</v>
      </c>
      <c r="J90" s="11" t="s">
        <v>298</v>
      </c>
      <c r="K90" s="8">
        <v>1</v>
      </c>
      <c r="L90" s="8">
        <v>77944055</v>
      </c>
      <c r="M90" s="8">
        <v>77979110</v>
      </c>
      <c r="N90" s="12">
        <v>-1</v>
      </c>
      <c r="T90" s="25"/>
      <c r="U90" s="25"/>
    </row>
    <row r="91" spans="1:21" ht="128.25" x14ac:dyDescent="0.2">
      <c r="A91" s="8" t="s">
        <v>299</v>
      </c>
      <c r="B91" s="8">
        <v>0.52006479817130502</v>
      </c>
      <c r="C91" s="8">
        <v>9.7184059961027707</v>
      </c>
      <c r="D91" s="8">
        <v>14.894857241342001</v>
      </c>
      <c r="E91" s="9">
        <v>9.7642831368580495E-13</v>
      </c>
      <c r="F91" s="10">
        <v>9.8772282029933502E-12</v>
      </c>
      <c r="G91" s="8">
        <v>18.148583987032598</v>
      </c>
      <c r="H91" s="8">
        <v>1915</v>
      </c>
      <c r="I91" s="8" t="s">
        <v>300</v>
      </c>
      <c r="J91" s="11" t="s">
        <v>301</v>
      </c>
      <c r="K91" s="8">
        <v>6</v>
      </c>
      <c r="L91" s="8">
        <v>73515750</v>
      </c>
      <c r="M91" s="8">
        <v>73523797</v>
      </c>
      <c r="N91" s="12">
        <v>-1</v>
      </c>
      <c r="T91" s="25"/>
      <c r="U91" s="25"/>
    </row>
    <row r="92" spans="1:21" ht="99.75" x14ac:dyDescent="0.2">
      <c r="A92" s="8" t="s">
        <v>302</v>
      </c>
      <c r="B92" s="8">
        <v>0.60848689053554805</v>
      </c>
      <c r="C92" s="8">
        <v>8.9951156682031108</v>
      </c>
      <c r="D92" s="8">
        <v>14.887476210263401</v>
      </c>
      <c r="E92" s="9">
        <v>9.8591643266483394E-13</v>
      </c>
      <c r="F92" s="10">
        <v>9.9678935230050894E-12</v>
      </c>
      <c r="G92" s="8">
        <v>18.166015482300899</v>
      </c>
      <c r="H92" s="8">
        <v>1654</v>
      </c>
      <c r="I92" s="8" t="s">
        <v>303</v>
      </c>
      <c r="J92" s="11" t="s">
        <v>304</v>
      </c>
      <c r="K92" s="8" t="s">
        <v>108</v>
      </c>
      <c r="L92" s="8">
        <v>41333348</v>
      </c>
      <c r="M92" s="8">
        <v>41364472</v>
      </c>
      <c r="N92" s="12">
        <v>1</v>
      </c>
      <c r="T92" s="25"/>
      <c r="U92" s="25"/>
    </row>
    <row r="93" spans="1:21" ht="156.75" x14ac:dyDescent="0.2">
      <c r="A93" s="8" t="s">
        <v>305</v>
      </c>
      <c r="B93" s="8">
        <v>0.83820293121988398</v>
      </c>
      <c r="C93" s="8">
        <v>4.5190689026030499</v>
      </c>
      <c r="D93" s="8">
        <v>14.869297576626501</v>
      </c>
      <c r="E93" s="9">
        <v>1.00969681059941E-12</v>
      </c>
      <c r="F93" s="10">
        <v>1.01811989238815E-11</v>
      </c>
      <c r="G93" s="8">
        <v>18.576964972123001</v>
      </c>
      <c r="H93" s="8">
        <v>9811</v>
      </c>
      <c r="I93" s="8" t="s">
        <v>306</v>
      </c>
      <c r="J93" s="11" t="s">
        <v>307</v>
      </c>
      <c r="K93" s="8">
        <v>18</v>
      </c>
      <c r="L93" s="8">
        <v>48539046</v>
      </c>
      <c r="M93" s="8">
        <v>48863217</v>
      </c>
      <c r="N93" s="12">
        <v>1</v>
      </c>
      <c r="T93" s="25"/>
      <c r="U93" s="25"/>
    </row>
    <row r="94" spans="1:21" ht="99.75" x14ac:dyDescent="0.2">
      <c r="A94" s="8" t="s">
        <v>308</v>
      </c>
      <c r="B94" s="8">
        <v>0.63579371684592301</v>
      </c>
      <c r="C94" s="8">
        <v>5.0155881573850998</v>
      </c>
      <c r="D94" s="8">
        <v>14.830866364524599</v>
      </c>
      <c r="E94" s="9">
        <v>1.0619604866452099E-12</v>
      </c>
      <c r="F94" s="10">
        <v>1.06779773509304E-11</v>
      </c>
      <c r="G94" s="8">
        <v>18.423989314546901</v>
      </c>
      <c r="H94" s="8">
        <v>60625</v>
      </c>
      <c r="I94" s="8" t="s">
        <v>309</v>
      </c>
      <c r="J94" s="11" t="s">
        <v>310</v>
      </c>
      <c r="K94" s="8">
        <v>20</v>
      </c>
      <c r="L94" s="8">
        <v>38962299</v>
      </c>
      <c r="M94" s="8">
        <v>39039723</v>
      </c>
      <c r="N94" s="12">
        <v>1</v>
      </c>
      <c r="T94" s="25"/>
      <c r="U94" s="25"/>
    </row>
    <row r="95" spans="1:21" ht="128.25" x14ac:dyDescent="0.2">
      <c r="A95" s="8" t="s">
        <v>24</v>
      </c>
      <c r="B95" s="8">
        <v>6.0442189369920198</v>
      </c>
      <c r="C95" s="8">
        <v>-0.31730387259993398</v>
      </c>
      <c r="D95" s="8">
        <v>14.737056146153501</v>
      </c>
      <c r="E95" s="9">
        <v>1.2017313426922601E-12</v>
      </c>
      <c r="F95" s="10">
        <v>1.1946178989141401E-11</v>
      </c>
      <c r="G95" s="8">
        <v>19.030037081759399</v>
      </c>
      <c r="H95" s="8">
        <v>1996</v>
      </c>
      <c r="I95" s="8" t="s">
        <v>25</v>
      </c>
      <c r="J95" s="11" t="s">
        <v>26</v>
      </c>
      <c r="K95" s="8">
        <v>1</v>
      </c>
      <c r="L95" s="8">
        <v>50048014</v>
      </c>
      <c r="M95" s="8">
        <v>50203786</v>
      </c>
      <c r="N95" s="12">
        <v>1</v>
      </c>
    </row>
    <row r="96" spans="1:21" ht="114" x14ac:dyDescent="0.2">
      <c r="A96" s="8" t="s">
        <v>311</v>
      </c>
      <c r="B96" s="8">
        <v>0.61876468683496799</v>
      </c>
      <c r="C96" s="8">
        <v>5.4638359005912003</v>
      </c>
      <c r="D96" s="8">
        <v>14.578930861326301</v>
      </c>
      <c r="E96" s="9">
        <v>1.48240457059814E-12</v>
      </c>
      <c r="F96" s="10">
        <v>1.4456110758602699E-11</v>
      </c>
      <c r="G96" s="8">
        <v>18.001075788302501</v>
      </c>
      <c r="H96" s="8">
        <v>4528</v>
      </c>
      <c r="I96" s="8" t="s">
        <v>312</v>
      </c>
      <c r="J96" s="11" t="s">
        <v>313</v>
      </c>
      <c r="K96" s="8">
        <v>2</v>
      </c>
      <c r="L96" s="8">
        <v>55236595</v>
      </c>
      <c r="M96" s="8">
        <v>55269347</v>
      </c>
      <c r="N96" s="12">
        <v>-1</v>
      </c>
      <c r="T96" s="25"/>
      <c r="U96" s="25"/>
    </row>
    <row r="97" spans="1:21" ht="114" x14ac:dyDescent="0.2">
      <c r="A97" s="8" t="s">
        <v>314</v>
      </c>
      <c r="B97" s="8">
        <v>0.64941700417271797</v>
      </c>
      <c r="C97" s="8">
        <v>5.0944509904398503</v>
      </c>
      <c r="D97" s="8">
        <v>14.5457438345857</v>
      </c>
      <c r="E97" s="9">
        <v>1.5495402326422601E-12</v>
      </c>
      <c r="F97" s="10">
        <v>1.50720784186838E-11</v>
      </c>
      <c r="G97" s="8">
        <v>18.017146642192301</v>
      </c>
      <c r="H97" s="8">
        <v>80153</v>
      </c>
      <c r="I97" s="8" t="s">
        <v>315</v>
      </c>
      <c r="J97" s="11" t="s">
        <v>316</v>
      </c>
      <c r="K97" s="8">
        <v>15</v>
      </c>
      <c r="L97" s="8">
        <v>74630558</v>
      </c>
      <c r="M97" s="8">
        <v>74696292</v>
      </c>
      <c r="N97" s="12">
        <v>-1</v>
      </c>
      <c r="T97" s="25"/>
      <c r="U97" s="25"/>
    </row>
    <row r="98" spans="1:21" ht="114" x14ac:dyDescent="0.2">
      <c r="A98" s="8" t="s">
        <v>317</v>
      </c>
      <c r="B98" s="8">
        <v>0.52348693183695405</v>
      </c>
      <c r="C98" s="8">
        <v>8.6293992383018505</v>
      </c>
      <c r="D98" s="8">
        <v>14.4496199563792</v>
      </c>
      <c r="E98" s="9">
        <v>1.76247909485435E-12</v>
      </c>
      <c r="F98" s="10">
        <v>1.6952136737481501E-11</v>
      </c>
      <c r="G98" s="8">
        <v>17.5777357818185</v>
      </c>
      <c r="H98" s="8">
        <v>142</v>
      </c>
      <c r="I98" s="8" t="s">
        <v>318</v>
      </c>
      <c r="J98" s="11" t="s">
        <v>319</v>
      </c>
      <c r="K98" s="8">
        <v>1</v>
      </c>
      <c r="L98" s="8">
        <v>226360691</v>
      </c>
      <c r="M98" s="8">
        <v>226408079</v>
      </c>
      <c r="N98" s="12">
        <v>-1</v>
      </c>
      <c r="T98" s="25"/>
      <c r="U98" s="25"/>
    </row>
    <row r="99" spans="1:21" ht="99.75" x14ac:dyDescent="0.2">
      <c r="A99" s="8" t="s">
        <v>320</v>
      </c>
      <c r="B99" s="8">
        <v>0.57254799572267501</v>
      </c>
      <c r="C99" s="8">
        <v>6.9248911482363003</v>
      </c>
      <c r="D99" s="8">
        <v>14.398451006387701</v>
      </c>
      <c r="E99" s="9">
        <v>1.88806597385748E-12</v>
      </c>
      <c r="F99" s="10">
        <v>1.8013990943133899E-11</v>
      </c>
      <c r="G99" s="8">
        <v>17.5986879555565</v>
      </c>
      <c r="H99" s="8">
        <v>2521</v>
      </c>
      <c r="I99" s="8" t="s">
        <v>321</v>
      </c>
      <c r="J99" s="11" t="s">
        <v>322</v>
      </c>
      <c r="K99" s="8">
        <v>16</v>
      </c>
      <c r="L99" s="8">
        <v>31180110</v>
      </c>
      <c r="M99" s="8">
        <v>31194871</v>
      </c>
      <c r="N99" s="12">
        <v>1</v>
      </c>
      <c r="T99" s="25"/>
      <c r="U99" s="25"/>
    </row>
    <row r="100" spans="1:21" ht="85.5" x14ac:dyDescent="0.2">
      <c r="A100" s="8" t="s">
        <v>323</v>
      </c>
      <c r="B100" s="8">
        <v>0.62619565345989503</v>
      </c>
      <c r="C100" s="8">
        <v>6.0289704090094798</v>
      </c>
      <c r="D100" s="8">
        <v>14.3589581250506</v>
      </c>
      <c r="E100" s="9">
        <v>1.99135609803035E-12</v>
      </c>
      <c r="F100" s="10">
        <v>1.8876106229931099E-11</v>
      </c>
      <c r="G100" s="8">
        <v>17.619069370552499</v>
      </c>
      <c r="H100" s="8">
        <v>1195</v>
      </c>
      <c r="I100" s="8" t="s">
        <v>324</v>
      </c>
      <c r="J100" s="11" t="s">
        <v>325</v>
      </c>
      <c r="K100" s="8">
        <v>2</v>
      </c>
      <c r="L100" s="8">
        <v>200853009</v>
      </c>
      <c r="M100" s="8">
        <v>200864744</v>
      </c>
      <c r="N100" s="12">
        <v>-1</v>
      </c>
      <c r="T100" s="25"/>
      <c r="U100" s="25"/>
    </row>
    <row r="101" spans="1:21" ht="99.75" x14ac:dyDescent="0.2">
      <c r="A101" s="8" t="s">
        <v>326</v>
      </c>
      <c r="B101" s="8">
        <v>0.46600764576727699</v>
      </c>
      <c r="C101" s="8">
        <v>9.2416138186710803</v>
      </c>
      <c r="D101" s="8">
        <v>14.3294881570424</v>
      </c>
      <c r="E101" s="9">
        <v>2.0722595477572602E-12</v>
      </c>
      <c r="F101" s="10">
        <v>1.9584297528779699E-11</v>
      </c>
      <c r="G101" s="8">
        <v>17.383364030399399</v>
      </c>
      <c r="H101" s="8">
        <v>6125</v>
      </c>
      <c r="I101" s="8" t="s">
        <v>327</v>
      </c>
      <c r="J101" s="11" t="s">
        <v>328</v>
      </c>
      <c r="K101" s="8">
        <v>1</v>
      </c>
      <c r="L101" s="8">
        <v>92832025</v>
      </c>
      <c r="M101" s="8">
        <v>92841924</v>
      </c>
      <c r="N101" s="12">
        <v>1</v>
      </c>
      <c r="T101" s="25"/>
      <c r="U101" s="25"/>
    </row>
    <row r="102" spans="1:21" ht="99.75" x14ac:dyDescent="0.2">
      <c r="A102" s="8" t="s">
        <v>329</v>
      </c>
      <c r="B102" s="8">
        <v>0.78207893552301899</v>
      </c>
      <c r="C102" s="8">
        <v>4.0456366050012003</v>
      </c>
      <c r="D102" s="8">
        <v>14.303063387201499</v>
      </c>
      <c r="E102" s="9">
        <v>2.14771702712294E-12</v>
      </c>
      <c r="F102" s="10">
        <v>2.0223733464416799E-11</v>
      </c>
      <c r="G102" s="8">
        <v>17.898654431303999</v>
      </c>
      <c r="H102" s="8">
        <v>23586</v>
      </c>
      <c r="I102" s="8" t="s">
        <v>330</v>
      </c>
      <c r="J102" s="11" t="s">
        <v>331</v>
      </c>
      <c r="K102" s="8">
        <v>9</v>
      </c>
      <c r="L102" s="8">
        <v>32455705</v>
      </c>
      <c r="M102" s="8">
        <v>32526324</v>
      </c>
      <c r="N102" s="12">
        <v>-1</v>
      </c>
      <c r="T102" s="25"/>
      <c r="U102" s="25"/>
    </row>
    <row r="103" spans="1:21" ht="128.25" x14ac:dyDescent="0.2">
      <c r="A103" s="8" t="s">
        <v>332</v>
      </c>
      <c r="B103" s="8">
        <v>0.51009494567793301</v>
      </c>
      <c r="C103" s="8">
        <v>6.1571213941482901</v>
      </c>
      <c r="D103" s="8">
        <v>14.286905927679999</v>
      </c>
      <c r="E103" s="9">
        <v>2.1952615927972099E-12</v>
      </c>
      <c r="F103" s="10">
        <v>2.0582746663296701E-11</v>
      </c>
      <c r="G103" s="8">
        <v>17.503748530808899</v>
      </c>
      <c r="H103" s="8">
        <v>149041</v>
      </c>
      <c r="I103" s="8" t="s">
        <v>333</v>
      </c>
      <c r="J103" s="11" t="s">
        <v>334</v>
      </c>
      <c r="K103" s="8">
        <v>1</v>
      </c>
      <c r="L103" s="8">
        <v>173931214</v>
      </c>
      <c r="M103" s="8">
        <v>174022297</v>
      </c>
      <c r="N103" s="12">
        <v>-1</v>
      </c>
      <c r="T103" s="25"/>
      <c r="U103" s="25"/>
    </row>
    <row r="104" spans="1:21" ht="156.75" x14ac:dyDescent="0.2">
      <c r="A104" s="8" t="s">
        <v>335</v>
      </c>
      <c r="B104" s="8">
        <v>0.55492292188215397</v>
      </c>
      <c r="C104" s="8">
        <v>5.9400824505638603</v>
      </c>
      <c r="D104" s="8">
        <v>14.224290818635</v>
      </c>
      <c r="E104" s="9">
        <v>2.3901264236100001E-12</v>
      </c>
      <c r="F104" s="10">
        <v>2.2244938274078899E-11</v>
      </c>
      <c r="G104" s="8">
        <v>17.439387814955801</v>
      </c>
      <c r="H104" s="8">
        <v>6629</v>
      </c>
      <c r="I104" s="8" t="s">
        <v>336</v>
      </c>
      <c r="J104" s="11" t="s">
        <v>337</v>
      </c>
      <c r="K104" s="8">
        <v>20</v>
      </c>
      <c r="L104" s="8">
        <v>16729961</v>
      </c>
      <c r="M104" s="8">
        <v>16742563</v>
      </c>
      <c r="N104" s="12">
        <v>1</v>
      </c>
      <c r="T104" s="25"/>
      <c r="U104" s="25"/>
    </row>
    <row r="105" spans="1:21" ht="142.5" x14ac:dyDescent="0.2">
      <c r="A105" s="8" t="s">
        <v>338</v>
      </c>
      <c r="B105" s="8">
        <v>0.470764343598846</v>
      </c>
      <c r="C105" s="8">
        <v>7.0563806050427402</v>
      </c>
      <c r="D105" s="8">
        <v>14.1583248042318</v>
      </c>
      <c r="E105" s="9">
        <v>2.6150275136148498E-12</v>
      </c>
      <c r="F105" s="10">
        <v>2.41251225696981E-11</v>
      </c>
      <c r="G105" s="8">
        <v>17.251943940286701</v>
      </c>
      <c r="H105" s="8">
        <v>2146</v>
      </c>
      <c r="I105" s="8" t="s">
        <v>339</v>
      </c>
      <c r="J105" s="11" t="s">
        <v>340</v>
      </c>
      <c r="K105" s="8">
        <v>7</v>
      </c>
      <c r="L105" s="8">
        <v>148807383</v>
      </c>
      <c r="M105" s="8">
        <v>148884321</v>
      </c>
      <c r="N105" s="12">
        <v>-1</v>
      </c>
      <c r="T105" s="25"/>
      <c r="U105" s="25"/>
    </row>
    <row r="106" spans="1:21" ht="99.75" x14ac:dyDescent="0.2">
      <c r="A106" s="8" t="s">
        <v>341</v>
      </c>
      <c r="B106" s="8">
        <v>0.45466998486007698</v>
      </c>
      <c r="C106" s="8">
        <v>9.6767897565610799</v>
      </c>
      <c r="D106" s="8">
        <v>14.108914909836299</v>
      </c>
      <c r="E106" s="9">
        <v>2.79786686112625E-12</v>
      </c>
      <c r="F106" s="10">
        <v>2.5612696296957499E-11</v>
      </c>
      <c r="G106" s="8">
        <v>17.054700293742201</v>
      </c>
      <c r="H106" s="8">
        <v>6205</v>
      </c>
      <c r="I106" s="8" t="s">
        <v>342</v>
      </c>
      <c r="J106" s="11" t="s">
        <v>343</v>
      </c>
      <c r="K106" s="8">
        <v>19</v>
      </c>
      <c r="L106" s="8">
        <v>49496365</v>
      </c>
      <c r="M106" s="8">
        <v>49499689</v>
      </c>
      <c r="N106" s="12">
        <v>1</v>
      </c>
      <c r="T106" s="25"/>
      <c r="U106" s="25"/>
    </row>
    <row r="107" spans="1:21" ht="128.25" x14ac:dyDescent="0.2">
      <c r="A107" s="8" t="s">
        <v>344</v>
      </c>
      <c r="B107" s="8">
        <v>0.45754650537200697</v>
      </c>
      <c r="C107" s="8">
        <v>7.18503243782627</v>
      </c>
      <c r="D107" s="8">
        <v>13.926493013426199</v>
      </c>
      <c r="E107" s="9">
        <v>3.5968387137818702E-12</v>
      </c>
      <c r="F107" s="10">
        <v>3.2075755766653403E-11</v>
      </c>
      <c r="G107" s="8">
        <v>16.912689208238501</v>
      </c>
      <c r="H107" s="8">
        <v>92312</v>
      </c>
      <c r="I107" s="8" t="s">
        <v>345</v>
      </c>
      <c r="J107" s="11" t="s">
        <v>346</v>
      </c>
      <c r="K107" s="8">
        <v>1</v>
      </c>
      <c r="L107" s="8">
        <v>156072013</v>
      </c>
      <c r="M107" s="8">
        <v>156081998</v>
      </c>
      <c r="N107" s="12">
        <v>-1</v>
      </c>
    </row>
    <row r="108" spans="1:21" ht="85.5" x14ac:dyDescent="0.2">
      <c r="A108" s="8" t="s">
        <v>347</v>
      </c>
      <c r="B108" s="8">
        <v>-0.468192992625175</v>
      </c>
      <c r="C108" s="8">
        <v>7.9988458118311199</v>
      </c>
      <c r="D108" s="8">
        <v>-13.908346738615201</v>
      </c>
      <c r="E108" s="9">
        <v>3.6883861967842704E-12</v>
      </c>
      <c r="F108" s="10">
        <v>3.2815051503223199E-11</v>
      </c>
      <c r="G108" s="8">
        <v>16.845925057255599</v>
      </c>
      <c r="H108" s="8">
        <v>6184</v>
      </c>
      <c r="I108" s="8" t="s">
        <v>348</v>
      </c>
      <c r="J108" s="11" t="s">
        <v>349</v>
      </c>
      <c r="K108" s="8">
        <v>3</v>
      </c>
      <c r="L108" s="8">
        <v>128619970</v>
      </c>
      <c r="M108" s="8">
        <v>128681075</v>
      </c>
      <c r="N108" s="12">
        <v>-1</v>
      </c>
      <c r="T108" s="25"/>
      <c r="U108" s="25"/>
    </row>
    <row r="109" spans="1:21" ht="99.75" x14ac:dyDescent="0.2">
      <c r="A109" s="8" t="s">
        <v>350</v>
      </c>
      <c r="B109" s="8">
        <v>0.63140034745164197</v>
      </c>
      <c r="C109" s="8">
        <v>6.1016013168449001</v>
      </c>
      <c r="D109" s="8">
        <v>13.8907428422861</v>
      </c>
      <c r="E109" s="9">
        <v>3.7795195824973003E-12</v>
      </c>
      <c r="F109" s="10">
        <v>3.3578625054799297E-11</v>
      </c>
      <c r="G109" s="8">
        <v>16.944931433315801</v>
      </c>
      <c r="H109" s="8">
        <v>284695</v>
      </c>
      <c r="I109" s="8" t="s">
        <v>351</v>
      </c>
      <c r="J109" s="11" t="s">
        <v>352</v>
      </c>
      <c r="K109" s="8">
        <v>1</v>
      </c>
      <c r="L109" s="8">
        <v>89995112</v>
      </c>
      <c r="M109" s="8">
        <v>90035531</v>
      </c>
      <c r="N109" s="12">
        <v>1</v>
      </c>
      <c r="T109" s="25"/>
      <c r="U109" s="25"/>
    </row>
    <row r="110" spans="1:21" ht="85.5" x14ac:dyDescent="0.2">
      <c r="A110" s="8" t="s">
        <v>353</v>
      </c>
      <c r="B110" s="8">
        <v>-1.8045021170207101</v>
      </c>
      <c r="C110" s="8">
        <v>1.78289556963603</v>
      </c>
      <c r="D110" s="8">
        <v>-13.7912557631822</v>
      </c>
      <c r="E110" s="9">
        <v>4.3405842655015199E-12</v>
      </c>
      <c r="F110" s="10">
        <v>3.8117199262573899E-11</v>
      </c>
      <c r="G110" s="8">
        <v>17.746201534184902</v>
      </c>
      <c r="H110" s="8">
        <v>4091</v>
      </c>
      <c r="I110" s="8" t="s">
        <v>354</v>
      </c>
      <c r="J110" s="11" t="s">
        <v>355</v>
      </c>
      <c r="K110" s="8">
        <v>15</v>
      </c>
      <c r="L110" s="8">
        <v>66702228</v>
      </c>
      <c r="M110" s="8">
        <v>66782848</v>
      </c>
      <c r="N110" s="12">
        <v>1</v>
      </c>
      <c r="T110" s="25"/>
      <c r="U110" s="25"/>
    </row>
    <row r="111" spans="1:21" ht="114" x14ac:dyDescent="0.2">
      <c r="A111" s="8" t="s">
        <v>356</v>
      </c>
      <c r="B111" s="8">
        <v>-0.92453442823583698</v>
      </c>
      <c r="C111" s="8">
        <v>3.4954694355750102</v>
      </c>
      <c r="D111" s="8">
        <v>-13.7604722236859</v>
      </c>
      <c r="E111" s="9">
        <v>4.5312611814877202E-12</v>
      </c>
      <c r="F111" s="10">
        <v>3.9681469054495803E-11</v>
      </c>
      <c r="G111" s="8">
        <v>17.299558700740398</v>
      </c>
      <c r="H111" s="8">
        <v>54877</v>
      </c>
      <c r="I111" s="8" t="s">
        <v>357</v>
      </c>
      <c r="J111" s="11" t="s">
        <v>358</v>
      </c>
      <c r="K111" s="8">
        <v>18</v>
      </c>
      <c r="L111" s="8">
        <v>62523007</v>
      </c>
      <c r="M111" s="8">
        <v>62587709</v>
      </c>
      <c r="N111" s="12">
        <v>1</v>
      </c>
      <c r="T111" s="25"/>
      <c r="U111" s="25"/>
    </row>
    <row r="112" spans="1:21" ht="99.75" x14ac:dyDescent="0.2">
      <c r="A112" s="8" t="s">
        <v>359</v>
      </c>
      <c r="B112" s="8">
        <v>0.46895033871917702</v>
      </c>
      <c r="C112" s="8">
        <v>9.1868860887532406</v>
      </c>
      <c r="D112" s="8">
        <v>13.7384269558934</v>
      </c>
      <c r="E112" s="9">
        <v>4.6731613349052796E-12</v>
      </c>
      <c r="F112" s="10">
        <v>4.0736142697518399E-11</v>
      </c>
      <c r="G112" s="8">
        <v>16.5394432837811</v>
      </c>
      <c r="H112" s="8">
        <v>6167</v>
      </c>
      <c r="I112" s="8" t="s">
        <v>360</v>
      </c>
      <c r="J112" s="11" t="s">
        <v>361</v>
      </c>
      <c r="K112" s="8">
        <v>5</v>
      </c>
      <c r="L112" s="8">
        <v>40825262</v>
      </c>
      <c r="M112" s="8">
        <v>40835335</v>
      </c>
      <c r="N112" s="12">
        <v>-1</v>
      </c>
      <c r="T112" s="25"/>
      <c r="U112" s="25"/>
    </row>
    <row r="113" spans="1:21" ht="99.75" x14ac:dyDescent="0.2">
      <c r="A113" s="8" t="s">
        <v>362</v>
      </c>
      <c r="B113" s="8">
        <v>0.47199755937584997</v>
      </c>
      <c r="C113" s="8">
        <v>6.4808306546687096</v>
      </c>
      <c r="D113" s="8">
        <v>13.6496360950282</v>
      </c>
      <c r="E113" s="9">
        <v>5.2932686601298599E-12</v>
      </c>
      <c r="F113" s="10">
        <v>4.5555718532101803E-11</v>
      </c>
      <c r="G113" s="8">
        <v>16.558922743797002</v>
      </c>
      <c r="H113" s="8">
        <v>327</v>
      </c>
      <c r="I113" s="8" t="s">
        <v>363</v>
      </c>
      <c r="J113" s="11" t="s">
        <v>364</v>
      </c>
      <c r="K113" s="8">
        <v>3</v>
      </c>
      <c r="L113" s="8">
        <v>49674002</v>
      </c>
      <c r="M113" s="8">
        <v>49683963</v>
      </c>
      <c r="N113" s="12">
        <v>1</v>
      </c>
      <c r="T113" s="25"/>
      <c r="U113" s="25"/>
    </row>
    <row r="114" spans="1:21" ht="142.5" x14ac:dyDescent="0.2">
      <c r="A114" s="8" t="s">
        <v>365</v>
      </c>
      <c r="B114" s="8">
        <v>0.54887926669755605</v>
      </c>
      <c r="C114" s="8">
        <v>5.8174184765087702</v>
      </c>
      <c r="D114" s="8">
        <v>13.5684829695902</v>
      </c>
      <c r="E114" s="9">
        <v>5.9351347633476201E-12</v>
      </c>
      <c r="F114" s="10">
        <v>5.0371669232579501E-11</v>
      </c>
      <c r="G114" s="8">
        <v>16.509100062482698</v>
      </c>
      <c r="H114" s="8">
        <v>55181</v>
      </c>
      <c r="I114" s="8" t="s">
        <v>366</v>
      </c>
      <c r="J114" s="11" t="s">
        <v>367</v>
      </c>
      <c r="K114" s="8">
        <v>17</v>
      </c>
      <c r="L114" s="8">
        <v>59209400</v>
      </c>
      <c r="M114" s="8">
        <v>59215247</v>
      </c>
      <c r="N114" s="12">
        <v>1</v>
      </c>
      <c r="T114" s="25"/>
      <c r="U114" s="25"/>
    </row>
    <row r="115" spans="1:21" ht="142.5" x14ac:dyDescent="0.2">
      <c r="A115" s="8" t="s">
        <v>368</v>
      </c>
      <c r="B115" s="8">
        <v>0.54627947133264099</v>
      </c>
      <c r="C115" s="8">
        <v>5.4703872540962504</v>
      </c>
      <c r="D115" s="8">
        <v>13.5505621306254</v>
      </c>
      <c r="E115" s="9">
        <v>6.08750512895704E-12</v>
      </c>
      <c r="F115" s="10">
        <v>5.1526576642380802E-11</v>
      </c>
      <c r="G115" s="8">
        <v>16.531978159944401</v>
      </c>
      <c r="H115" s="8">
        <v>283489</v>
      </c>
      <c r="I115" s="8" t="s">
        <v>369</v>
      </c>
      <c r="J115" s="11" t="s">
        <v>370</v>
      </c>
      <c r="K115" s="8">
        <v>13</v>
      </c>
      <c r="L115" s="8">
        <v>114314513</v>
      </c>
      <c r="M115" s="8">
        <v>114327328</v>
      </c>
      <c r="N115" s="12">
        <v>1</v>
      </c>
      <c r="T115" s="25"/>
      <c r="U115" s="25"/>
    </row>
    <row r="116" spans="1:21" ht="142.5" x14ac:dyDescent="0.2">
      <c r="A116" s="8" t="s">
        <v>371</v>
      </c>
      <c r="B116" s="8">
        <v>1.43213499178714</v>
      </c>
      <c r="C116" s="8">
        <v>1.67687125952328</v>
      </c>
      <c r="D116" s="8">
        <v>13.459421715132301</v>
      </c>
      <c r="E116" s="9">
        <v>6.9280023657604096E-12</v>
      </c>
      <c r="F116" s="10">
        <v>5.8070980960704698E-11</v>
      </c>
      <c r="G116" s="8">
        <v>17.220758877347102</v>
      </c>
      <c r="H116" s="8">
        <v>132864</v>
      </c>
      <c r="I116" s="8" t="s">
        <v>372</v>
      </c>
      <c r="J116" s="11" t="s">
        <v>373</v>
      </c>
      <c r="K116" s="8">
        <v>4</v>
      </c>
      <c r="L116" s="8">
        <v>15002674</v>
      </c>
      <c r="M116" s="8">
        <v>15070153</v>
      </c>
      <c r="N116" s="12">
        <v>1</v>
      </c>
      <c r="T116" s="25"/>
      <c r="U116" s="25"/>
    </row>
    <row r="117" spans="1:21" ht="114" x14ac:dyDescent="0.2">
      <c r="A117" s="8" t="s">
        <v>374</v>
      </c>
      <c r="B117" s="8">
        <v>0.48060976449756498</v>
      </c>
      <c r="C117" s="8">
        <v>7.96778441995286</v>
      </c>
      <c r="D117" s="8">
        <v>13.447910991993099</v>
      </c>
      <c r="E117" s="9">
        <v>7.0424467014541604E-12</v>
      </c>
      <c r="F117" s="10">
        <v>5.8900181160641505E-11</v>
      </c>
      <c r="G117" s="8">
        <v>16.170086187806799</v>
      </c>
      <c r="H117" s="8">
        <v>6192</v>
      </c>
      <c r="I117" s="8" t="s">
        <v>375</v>
      </c>
      <c r="J117" s="11" t="s">
        <v>376</v>
      </c>
      <c r="K117" s="8" t="s">
        <v>377</v>
      </c>
      <c r="L117" s="8">
        <v>2841486</v>
      </c>
      <c r="M117" s="8">
        <v>2932000</v>
      </c>
      <c r="N117" s="12">
        <v>1</v>
      </c>
      <c r="T117" s="25"/>
      <c r="U117" s="25"/>
    </row>
    <row r="118" spans="1:21" ht="99.75" x14ac:dyDescent="0.2">
      <c r="A118" s="8" t="s">
        <v>378</v>
      </c>
      <c r="B118" s="8">
        <v>0.51100710558942497</v>
      </c>
      <c r="C118" s="8">
        <v>7.3454714192781898</v>
      </c>
      <c r="D118" s="8">
        <v>13.439011740571599</v>
      </c>
      <c r="E118" s="9">
        <v>7.1322757166138902E-12</v>
      </c>
      <c r="F118" s="10">
        <v>5.9546500780546302E-11</v>
      </c>
      <c r="G118" s="8">
        <v>16.1912321086802</v>
      </c>
      <c r="H118" s="8">
        <v>84295</v>
      </c>
      <c r="I118" s="8" t="s">
        <v>379</v>
      </c>
      <c r="J118" s="11" t="s">
        <v>380</v>
      </c>
      <c r="K118" s="8" t="s">
        <v>108</v>
      </c>
      <c r="L118" s="8">
        <v>134373253</v>
      </c>
      <c r="M118" s="8">
        <v>134428791</v>
      </c>
      <c r="N118" s="12">
        <v>1</v>
      </c>
      <c r="T118" s="25"/>
      <c r="U118" s="25"/>
    </row>
    <row r="119" spans="1:21" ht="99.75" x14ac:dyDescent="0.2">
      <c r="A119" s="8" t="s">
        <v>381</v>
      </c>
      <c r="B119" s="8">
        <v>0.80464746424802402</v>
      </c>
      <c r="C119" s="8">
        <v>4.3324446828116399</v>
      </c>
      <c r="D119" s="8">
        <v>13.3633418707056</v>
      </c>
      <c r="E119" s="9">
        <v>7.9460449654061407E-12</v>
      </c>
      <c r="F119" s="10">
        <v>6.5618840430161995E-11</v>
      </c>
      <c r="G119" s="8">
        <v>16.476987928739302</v>
      </c>
      <c r="H119" s="8">
        <v>10495</v>
      </c>
      <c r="I119" s="8" t="s">
        <v>382</v>
      </c>
      <c r="J119" s="11" t="s">
        <v>383</v>
      </c>
      <c r="K119" s="8" t="s">
        <v>108</v>
      </c>
      <c r="L119" s="8">
        <v>130623369</v>
      </c>
      <c r="M119" s="8">
        <v>130903317</v>
      </c>
      <c r="N119" s="12">
        <v>-1</v>
      </c>
      <c r="T119" s="25"/>
      <c r="U119" s="25"/>
    </row>
    <row r="120" spans="1:21" ht="114" x14ac:dyDescent="0.2">
      <c r="A120" s="8" t="s">
        <v>384</v>
      </c>
      <c r="B120" s="8">
        <v>0.53678804864824903</v>
      </c>
      <c r="C120" s="8">
        <v>6.0574006078072804</v>
      </c>
      <c r="D120" s="8">
        <v>13.3621214340252</v>
      </c>
      <c r="E120" s="9">
        <v>7.9599354498905108E-12</v>
      </c>
      <c r="F120" s="10">
        <v>6.5704956516995296E-11</v>
      </c>
      <c r="G120" s="8">
        <v>16.175327140816801</v>
      </c>
      <c r="H120" s="8">
        <v>7257</v>
      </c>
      <c r="I120" s="8" t="s">
        <v>385</v>
      </c>
      <c r="J120" s="11" t="s">
        <v>386</v>
      </c>
      <c r="K120" s="8">
        <v>1</v>
      </c>
      <c r="L120" s="8">
        <v>231528653</v>
      </c>
      <c r="M120" s="8">
        <v>231566524</v>
      </c>
      <c r="N120" s="12">
        <v>1</v>
      </c>
      <c r="T120" s="25"/>
      <c r="U120" s="25"/>
    </row>
    <row r="121" spans="1:21" ht="128.25" x14ac:dyDescent="0.2">
      <c r="A121" s="8" t="s">
        <v>387</v>
      </c>
      <c r="B121" s="8">
        <v>0.56249107674780296</v>
      </c>
      <c r="C121" s="8">
        <v>6.0058192906540997</v>
      </c>
      <c r="D121" s="8">
        <v>13.3606354522804</v>
      </c>
      <c r="E121" s="9">
        <v>7.9768824088144508E-12</v>
      </c>
      <c r="F121" s="10">
        <v>6.5787612982212798E-11</v>
      </c>
      <c r="G121" s="8">
        <v>16.178979225059599</v>
      </c>
      <c r="H121" s="8">
        <v>143</v>
      </c>
      <c r="I121" s="8" t="s">
        <v>388</v>
      </c>
      <c r="J121" s="11" t="s">
        <v>389</v>
      </c>
      <c r="K121" s="8">
        <v>13</v>
      </c>
      <c r="L121" s="8">
        <v>24420926</v>
      </c>
      <c r="M121" s="8">
        <v>24512810</v>
      </c>
      <c r="N121" s="12">
        <v>-1</v>
      </c>
      <c r="T121" s="25"/>
      <c r="U121" s="25"/>
    </row>
    <row r="122" spans="1:21" ht="142.5" x14ac:dyDescent="0.2">
      <c r="A122" s="8" t="s">
        <v>390</v>
      </c>
      <c r="B122" s="8">
        <v>0.72556193074548103</v>
      </c>
      <c r="C122" s="8">
        <v>5.6695005605326001</v>
      </c>
      <c r="D122" s="8">
        <v>13.3393675311354</v>
      </c>
      <c r="E122" s="9">
        <v>8.2235947758913098E-12</v>
      </c>
      <c r="F122" s="10">
        <v>6.7441295618880501E-11</v>
      </c>
      <c r="G122" s="8">
        <v>16.1908310934637</v>
      </c>
      <c r="H122" s="8">
        <v>84135</v>
      </c>
      <c r="I122" s="8" t="s">
        <v>391</v>
      </c>
      <c r="J122" s="11" t="s">
        <v>392</v>
      </c>
      <c r="K122" s="8">
        <v>5</v>
      </c>
      <c r="L122" s="8">
        <v>73565443</v>
      </c>
      <c r="M122" s="8">
        <v>73583377</v>
      </c>
      <c r="N122" s="12">
        <v>1</v>
      </c>
      <c r="T122" s="25"/>
      <c r="U122" s="25"/>
    </row>
    <row r="123" spans="1:21" ht="142.5" x14ac:dyDescent="0.2">
      <c r="A123" s="8" t="s">
        <v>393</v>
      </c>
      <c r="B123" s="8">
        <v>-0.68383776300764998</v>
      </c>
      <c r="C123" s="8">
        <v>5.9129869099877803</v>
      </c>
      <c r="D123" s="8">
        <v>-13.301915104755301</v>
      </c>
      <c r="E123" s="9">
        <v>8.6775624646245801E-12</v>
      </c>
      <c r="F123" s="10">
        <v>7.0858047715654298E-11</v>
      </c>
      <c r="G123" s="8">
        <v>16.1216997033093</v>
      </c>
      <c r="H123" s="8">
        <v>7873</v>
      </c>
      <c r="I123" s="8" t="s">
        <v>394</v>
      </c>
      <c r="J123" s="11" t="s">
        <v>395</v>
      </c>
      <c r="K123" s="8">
        <v>3</v>
      </c>
      <c r="L123" s="8">
        <v>51385047</v>
      </c>
      <c r="M123" s="8">
        <v>51389397</v>
      </c>
      <c r="N123" s="12">
        <v>1</v>
      </c>
      <c r="T123" s="25"/>
      <c r="U123" s="25"/>
    </row>
    <row r="124" spans="1:21" ht="128.25" x14ac:dyDescent="0.2">
      <c r="A124" s="8" t="s">
        <v>396</v>
      </c>
      <c r="B124" s="8">
        <v>0.46525856107566999</v>
      </c>
      <c r="C124" s="8">
        <v>8.7550506159702</v>
      </c>
      <c r="D124" s="8">
        <v>13.2672151343869</v>
      </c>
      <c r="E124" s="9">
        <v>9.1214831635885901E-12</v>
      </c>
      <c r="F124" s="10">
        <v>7.4132071090115996E-11</v>
      </c>
      <c r="G124" s="8">
        <v>15.8620159227623</v>
      </c>
      <c r="H124" s="8">
        <v>9908</v>
      </c>
      <c r="I124" s="8" t="s">
        <v>397</v>
      </c>
      <c r="J124" s="11" t="s">
        <v>398</v>
      </c>
      <c r="K124" s="8">
        <v>4</v>
      </c>
      <c r="L124" s="8">
        <v>75642782</v>
      </c>
      <c r="M124" s="8">
        <v>75724525</v>
      </c>
      <c r="N124" s="12">
        <v>-1</v>
      </c>
      <c r="T124" s="25"/>
      <c r="U124" s="25"/>
    </row>
    <row r="125" spans="1:21" ht="156.75" x14ac:dyDescent="0.2">
      <c r="A125" s="8" t="s">
        <v>399</v>
      </c>
      <c r="B125" s="8">
        <v>0.776607246591273</v>
      </c>
      <c r="C125" s="8">
        <v>4.7106206535593396</v>
      </c>
      <c r="D125" s="8">
        <v>13.2386671907622</v>
      </c>
      <c r="E125" s="9">
        <v>9.5044160607173795E-12</v>
      </c>
      <c r="F125" s="10">
        <v>7.6751193014567494E-11</v>
      </c>
      <c r="G125" s="8">
        <v>16.2092347406962</v>
      </c>
      <c r="H125" s="8">
        <v>27042</v>
      </c>
      <c r="I125" s="8" t="s">
        <v>400</v>
      </c>
      <c r="J125" s="11" t="s">
        <v>401</v>
      </c>
      <c r="K125" s="8">
        <v>1</v>
      </c>
      <c r="L125" s="8">
        <v>209828007</v>
      </c>
      <c r="M125" s="8">
        <v>209857565</v>
      </c>
      <c r="N125" s="12">
        <v>1</v>
      </c>
      <c r="T125" s="25"/>
      <c r="U125" s="25"/>
    </row>
    <row r="126" spans="1:21" ht="128.25" x14ac:dyDescent="0.2">
      <c r="A126" s="8" t="s">
        <v>402</v>
      </c>
      <c r="B126" s="8">
        <v>0.52720634095198404</v>
      </c>
      <c r="C126" s="8">
        <v>7.5712436331232302</v>
      </c>
      <c r="D126" s="8">
        <v>13.205406308012</v>
      </c>
      <c r="E126" s="9">
        <v>9.9717752208444807E-12</v>
      </c>
      <c r="F126" s="10">
        <v>8.01840586296465E-11</v>
      </c>
      <c r="G126" s="8">
        <v>15.829895495085299</v>
      </c>
      <c r="H126" s="8">
        <v>22827</v>
      </c>
      <c r="I126" s="8" t="s">
        <v>403</v>
      </c>
      <c r="J126" s="11" t="s">
        <v>404</v>
      </c>
      <c r="K126" s="8">
        <v>8</v>
      </c>
      <c r="L126" s="8">
        <v>143816344</v>
      </c>
      <c r="M126" s="8">
        <v>143829859</v>
      </c>
      <c r="N126" s="12">
        <v>-1</v>
      </c>
      <c r="T126" s="25"/>
      <c r="U126" s="25"/>
    </row>
    <row r="127" spans="1:21" ht="128.25" x14ac:dyDescent="0.2">
      <c r="A127" s="8" t="s">
        <v>405</v>
      </c>
      <c r="B127" s="8">
        <v>0.46177652546206699</v>
      </c>
      <c r="C127" s="8">
        <v>10.0929489999561</v>
      </c>
      <c r="D127" s="8">
        <v>13.172650233522001</v>
      </c>
      <c r="E127" s="9">
        <v>1.0455476607662999E-11</v>
      </c>
      <c r="F127" s="10">
        <v>8.3824917441326605E-11</v>
      </c>
      <c r="G127" s="8">
        <v>15.6684787438986</v>
      </c>
      <c r="H127" s="8">
        <v>7812</v>
      </c>
      <c r="I127" s="8" t="s">
        <v>406</v>
      </c>
      <c r="J127" s="11" t="s">
        <v>407</v>
      </c>
      <c r="K127" s="8">
        <v>1</v>
      </c>
      <c r="L127" s="8">
        <v>114716913</v>
      </c>
      <c r="M127" s="8">
        <v>114758676</v>
      </c>
      <c r="N127" s="12">
        <v>-1</v>
      </c>
      <c r="T127" s="25"/>
      <c r="U127" s="25"/>
    </row>
    <row r="128" spans="1:21" ht="114" x14ac:dyDescent="0.2">
      <c r="A128" s="8" t="s">
        <v>408</v>
      </c>
      <c r="B128" s="8">
        <v>0.53991545602567004</v>
      </c>
      <c r="C128" s="8">
        <v>6.9254205933705801</v>
      </c>
      <c r="D128" s="8">
        <v>13.036434998100599</v>
      </c>
      <c r="E128" s="9">
        <v>1.27445805167359E-11</v>
      </c>
      <c r="F128" s="10">
        <v>1.00730489157058E-10</v>
      </c>
      <c r="G128" s="8">
        <v>15.6131604388765</v>
      </c>
      <c r="H128" s="8">
        <v>22916</v>
      </c>
      <c r="I128" s="8" t="s">
        <v>409</v>
      </c>
      <c r="J128" s="11" t="s">
        <v>410</v>
      </c>
      <c r="K128" s="8">
        <v>3</v>
      </c>
      <c r="L128" s="8">
        <v>196935402</v>
      </c>
      <c r="M128" s="8">
        <v>196942597</v>
      </c>
      <c r="N128" s="12">
        <v>-1</v>
      </c>
    </row>
    <row r="129" spans="1:21" ht="156.75" x14ac:dyDescent="0.2">
      <c r="A129" s="8" t="s">
        <v>411</v>
      </c>
      <c r="B129" s="8">
        <v>0.48467996034802202</v>
      </c>
      <c r="C129" s="8">
        <v>7.8078161607140597</v>
      </c>
      <c r="D129" s="8">
        <v>13.0236568639897</v>
      </c>
      <c r="E129" s="9">
        <v>1.2984572708771799E-11</v>
      </c>
      <c r="F129" s="10">
        <v>1.02371514870944E-10</v>
      </c>
      <c r="G129" s="8">
        <v>15.5425293849155</v>
      </c>
      <c r="H129" s="8">
        <v>7072</v>
      </c>
      <c r="I129" s="8" t="s">
        <v>412</v>
      </c>
      <c r="J129" s="11" t="s">
        <v>413</v>
      </c>
      <c r="K129" s="8">
        <v>2</v>
      </c>
      <c r="L129" s="8">
        <v>70209444</v>
      </c>
      <c r="M129" s="8">
        <v>70248660</v>
      </c>
      <c r="N129" s="12">
        <v>-1</v>
      </c>
      <c r="T129" s="25"/>
      <c r="U129" s="25"/>
    </row>
    <row r="130" spans="1:21" ht="156.75" x14ac:dyDescent="0.2">
      <c r="A130" s="8" t="s">
        <v>414</v>
      </c>
      <c r="B130" s="8">
        <v>0.524110182132286</v>
      </c>
      <c r="C130" s="8">
        <v>7.9487500262716901</v>
      </c>
      <c r="D130" s="8">
        <v>12.9343426912708</v>
      </c>
      <c r="E130" s="9">
        <v>1.4799041844313099E-11</v>
      </c>
      <c r="F130" s="10">
        <v>1.1505178905347399E-10</v>
      </c>
      <c r="G130" s="8">
        <v>15.398783934894199</v>
      </c>
      <c r="H130" s="8">
        <v>10492</v>
      </c>
      <c r="I130" s="8" t="s">
        <v>415</v>
      </c>
      <c r="J130" s="11" t="s">
        <v>416</v>
      </c>
      <c r="K130" s="8">
        <v>6</v>
      </c>
      <c r="L130" s="8">
        <v>85607785</v>
      </c>
      <c r="M130" s="8">
        <v>85643792</v>
      </c>
      <c r="N130" s="12">
        <v>-1</v>
      </c>
      <c r="T130" s="25"/>
      <c r="U130" s="25"/>
    </row>
    <row r="131" spans="1:21" ht="99.75" x14ac:dyDescent="0.2">
      <c r="A131" s="8" t="s">
        <v>417</v>
      </c>
      <c r="B131" s="8">
        <v>0.44840122420134099</v>
      </c>
      <c r="C131" s="8">
        <v>9.2655769398293693</v>
      </c>
      <c r="D131" s="8">
        <v>12.913510259309399</v>
      </c>
      <c r="E131" s="9">
        <v>1.5259061221786301E-11</v>
      </c>
      <c r="F131" s="10">
        <v>1.18194303989193E-10</v>
      </c>
      <c r="G131" s="8">
        <v>15.3056401328781</v>
      </c>
      <c r="H131" s="8">
        <v>6138</v>
      </c>
      <c r="I131" s="8" t="s">
        <v>418</v>
      </c>
      <c r="J131" s="11" t="s">
        <v>419</v>
      </c>
      <c r="K131" s="8">
        <v>3</v>
      </c>
      <c r="L131" s="8">
        <v>23916545</v>
      </c>
      <c r="M131" s="8">
        <v>23923692</v>
      </c>
      <c r="N131" s="12">
        <v>1</v>
      </c>
      <c r="T131" s="25"/>
      <c r="U131" s="25"/>
    </row>
    <row r="132" spans="1:21" ht="114" x14ac:dyDescent="0.2">
      <c r="A132" s="8" t="s">
        <v>53</v>
      </c>
      <c r="B132" s="8">
        <v>-3.4505515061503198</v>
      </c>
      <c r="C132" s="8">
        <v>-0.52909590821430397</v>
      </c>
      <c r="D132" s="8">
        <v>-12.8935591878955</v>
      </c>
      <c r="E132" s="9">
        <v>1.5713588232201598E-11</v>
      </c>
      <c r="F132" s="10">
        <v>1.21316828267897E-10</v>
      </c>
      <c r="G132" s="8">
        <v>16.518762929154899</v>
      </c>
      <c r="H132" s="8">
        <v>4940</v>
      </c>
      <c r="I132" s="8" t="s">
        <v>45</v>
      </c>
      <c r="J132" s="11" t="s">
        <v>54</v>
      </c>
      <c r="K132" s="8">
        <v>12</v>
      </c>
      <c r="L132" s="8">
        <v>112938352</v>
      </c>
      <c r="M132" s="8">
        <v>112973249</v>
      </c>
      <c r="N132" s="12">
        <v>1</v>
      </c>
      <c r="T132" s="25"/>
      <c r="U132" s="25"/>
    </row>
    <row r="133" spans="1:21" ht="156.75" x14ac:dyDescent="0.2">
      <c r="A133" s="8" t="s">
        <v>420</v>
      </c>
      <c r="B133" s="8">
        <v>-0.52116937363018601</v>
      </c>
      <c r="C133" s="8">
        <v>6.6358590458469902</v>
      </c>
      <c r="D133" s="8">
        <v>-12.854651034821501</v>
      </c>
      <c r="E133" s="9">
        <v>1.66410181486788E-11</v>
      </c>
      <c r="F133" s="10">
        <v>1.27543053880241E-10</v>
      </c>
      <c r="G133" s="8">
        <v>15.364847377232</v>
      </c>
      <c r="H133" s="8">
        <v>440275</v>
      </c>
      <c r="I133" s="8" t="s">
        <v>421</v>
      </c>
      <c r="J133" s="11" t="s">
        <v>422</v>
      </c>
      <c r="K133" s="8">
        <v>15</v>
      </c>
      <c r="L133" s="8">
        <v>39934146</v>
      </c>
      <c r="M133" s="8">
        <v>40035591</v>
      </c>
      <c r="N133" s="12">
        <v>1</v>
      </c>
      <c r="T133" s="25"/>
      <c r="U133" s="25"/>
    </row>
    <row r="134" spans="1:21" ht="71.25" x14ac:dyDescent="0.2">
      <c r="A134" s="8" t="s">
        <v>423</v>
      </c>
      <c r="B134" s="8">
        <v>0.485521718475668</v>
      </c>
      <c r="C134" s="8">
        <v>6.3807815516822401</v>
      </c>
      <c r="D134" s="8">
        <v>12.8177676529171</v>
      </c>
      <c r="E134" s="9">
        <v>1.7572878791558901E-11</v>
      </c>
      <c r="F134" s="10">
        <v>1.33981727933875E-10</v>
      </c>
      <c r="G134" s="8">
        <v>15.3202499655422</v>
      </c>
      <c r="H134" s="8">
        <v>831</v>
      </c>
      <c r="I134" s="8" t="s">
        <v>424</v>
      </c>
      <c r="J134" s="11" t="s">
        <v>425</v>
      </c>
      <c r="K134" s="8">
        <v>5</v>
      </c>
      <c r="L134" s="8">
        <v>96525267</v>
      </c>
      <c r="M134" s="8">
        <v>96779595</v>
      </c>
      <c r="N134" s="12">
        <v>1</v>
      </c>
    </row>
    <row r="135" spans="1:21" ht="114" x14ac:dyDescent="0.2">
      <c r="A135" s="8" t="s">
        <v>426</v>
      </c>
      <c r="B135" s="8">
        <v>1.95028960096433</v>
      </c>
      <c r="C135" s="8">
        <v>0.88769637347834596</v>
      </c>
      <c r="D135" s="8">
        <v>12.7916572859474</v>
      </c>
      <c r="E135" s="9">
        <v>1.8265289119028799E-11</v>
      </c>
      <c r="F135" s="10">
        <v>1.38981712755337E-10</v>
      </c>
      <c r="G135" s="8">
        <v>16.3624304633672</v>
      </c>
      <c r="H135" s="8">
        <v>26576</v>
      </c>
      <c r="I135" s="8" t="s">
        <v>427</v>
      </c>
      <c r="J135" s="11" t="s">
        <v>428</v>
      </c>
      <c r="K135" s="8" t="s">
        <v>108</v>
      </c>
      <c r="L135" s="8">
        <v>153776412</v>
      </c>
      <c r="M135" s="8">
        <v>153785732</v>
      </c>
      <c r="N135" s="12">
        <v>1</v>
      </c>
    </row>
    <row r="136" spans="1:21" ht="99.75" x14ac:dyDescent="0.2">
      <c r="A136" s="8" t="s">
        <v>429</v>
      </c>
      <c r="B136" s="8">
        <v>-0.43611424201618598</v>
      </c>
      <c r="C136" s="8">
        <v>6.9401370459345202</v>
      </c>
      <c r="D136" s="8">
        <v>-12.7154139488695</v>
      </c>
      <c r="E136" s="9">
        <v>2.0454500960424101E-11</v>
      </c>
      <c r="F136" s="10">
        <v>1.53911603777149E-10</v>
      </c>
      <c r="G136" s="8">
        <v>15.126583348019199</v>
      </c>
      <c r="H136" s="8">
        <v>6942</v>
      </c>
      <c r="I136" s="8" t="s">
        <v>430</v>
      </c>
      <c r="J136" s="11" t="s">
        <v>431</v>
      </c>
      <c r="K136" s="8">
        <v>22</v>
      </c>
      <c r="L136" s="8">
        <v>42160013</v>
      </c>
      <c r="M136" s="8">
        <v>42343616</v>
      </c>
      <c r="N136" s="12">
        <v>-1</v>
      </c>
      <c r="T136" s="25"/>
      <c r="U136" s="25"/>
    </row>
    <row r="137" spans="1:21" ht="114" x14ac:dyDescent="0.2">
      <c r="A137" s="8" t="s">
        <v>432</v>
      </c>
      <c r="B137" s="8">
        <v>0.566886399355923</v>
      </c>
      <c r="C137" s="8">
        <v>8.3504260158523405</v>
      </c>
      <c r="D137" s="8">
        <v>12.6953011942781</v>
      </c>
      <c r="E137" s="9">
        <v>2.10763799453638E-11</v>
      </c>
      <c r="F137" s="10">
        <v>1.5808951076014601E-10</v>
      </c>
      <c r="G137" s="8">
        <v>15.010213484078699</v>
      </c>
      <c r="H137" s="8">
        <v>3182</v>
      </c>
      <c r="I137" s="8" t="s">
        <v>433</v>
      </c>
      <c r="J137" s="11" t="s">
        <v>434</v>
      </c>
      <c r="K137" s="8">
        <v>5</v>
      </c>
      <c r="L137" s="8">
        <v>178204507</v>
      </c>
      <c r="M137" s="8">
        <v>178211163</v>
      </c>
      <c r="N137" s="12">
        <v>1</v>
      </c>
      <c r="T137" s="25"/>
      <c r="U137" s="25"/>
    </row>
    <row r="138" spans="1:21" ht="99.75" x14ac:dyDescent="0.2">
      <c r="A138" s="8" t="s">
        <v>435</v>
      </c>
      <c r="B138" s="8">
        <v>-0.54975307196060497</v>
      </c>
      <c r="C138" s="8">
        <v>6.00418100940567</v>
      </c>
      <c r="D138" s="8">
        <v>-12.6794063068415</v>
      </c>
      <c r="E138" s="9">
        <v>2.1581754706371601E-11</v>
      </c>
      <c r="F138" s="10">
        <v>1.6136996022963499E-10</v>
      </c>
      <c r="G138" s="8">
        <v>15.159268591569299</v>
      </c>
      <c r="H138" s="8">
        <v>2332</v>
      </c>
      <c r="I138" s="8" t="s">
        <v>436</v>
      </c>
      <c r="J138" s="11" t="s">
        <v>437</v>
      </c>
      <c r="K138" s="8" t="s">
        <v>108</v>
      </c>
      <c r="L138" s="8">
        <v>147911951</v>
      </c>
      <c r="M138" s="8">
        <v>147951125</v>
      </c>
      <c r="N138" s="12">
        <v>1</v>
      </c>
      <c r="T138" s="25"/>
      <c r="U138" s="25"/>
    </row>
    <row r="139" spans="1:21" ht="114" x14ac:dyDescent="0.2">
      <c r="A139" s="8" t="s">
        <v>438</v>
      </c>
      <c r="B139" s="8">
        <v>-0.82518457653320598</v>
      </c>
      <c r="C139" s="8">
        <v>4.6061523746394197</v>
      </c>
      <c r="D139" s="8">
        <v>-12.6608242169123</v>
      </c>
      <c r="E139" s="9">
        <v>2.2188603185174201E-11</v>
      </c>
      <c r="F139" s="10">
        <v>1.6525632756870201E-10</v>
      </c>
      <c r="G139" s="8">
        <v>15.3896090181651</v>
      </c>
      <c r="H139" s="8">
        <v>200916</v>
      </c>
      <c r="I139" s="8" t="s">
        <v>439</v>
      </c>
      <c r="J139" s="11" t="s">
        <v>440</v>
      </c>
      <c r="K139" s="8">
        <v>3</v>
      </c>
      <c r="L139" s="8">
        <v>170864875</v>
      </c>
      <c r="M139" s="8">
        <v>170870483</v>
      </c>
      <c r="N139" s="12">
        <v>-1</v>
      </c>
      <c r="T139" s="25"/>
      <c r="U139" s="25"/>
    </row>
    <row r="140" spans="1:21" ht="99.75" x14ac:dyDescent="0.2">
      <c r="A140" s="8" t="s">
        <v>441</v>
      </c>
      <c r="B140" s="8">
        <v>0.60272083248029995</v>
      </c>
      <c r="C140" s="8">
        <v>4.6286065098272999</v>
      </c>
      <c r="D140" s="8">
        <v>12.651393867741</v>
      </c>
      <c r="E140" s="9">
        <v>2.2503346397593699E-11</v>
      </c>
      <c r="F140" s="10">
        <v>1.6733777609213799E-10</v>
      </c>
      <c r="G140" s="8">
        <v>15.331195039294</v>
      </c>
      <c r="H140" s="8">
        <v>201626</v>
      </c>
      <c r="I140" s="8" t="s">
        <v>442</v>
      </c>
      <c r="J140" s="11" t="s">
        <v>443</v>
      </c>
      <c r="K140" s="8">
        <v>3</v>
      </c>
      <c r="L140" s="8">
        <v>57556276</v>
      </c>
      <c r="M140" s="8">
        <v>57566844</v>
      </c>
      <c r="N140" s="12">
        <v>1</v>
      </c>
      <c r="T140" s="25"/>
      <c r="U140" s="25"/>
    </row>
    <row r="141" spans="1:21" ht="128.25" x14ac:dyDescent="0.2">
      <c r="A141" s="8" t="s">
        <v>444</v>
      </c>
      <c r="B141" s="8">
        <v>-0.788522135788298</v>
      </c>
      <c r="C141" s="8">
        <v>4.8401557114994596</v>
      </c>
      <c r="D141" s="8">
        <v>-12.647891234296299</v>
      </c>
      <c r="E141" s="9">
        <v>2.2621429440604299E-11</v>
      </c>
      <c r="F141" s="10">
        <v>1.6801834305062499E-10</v>
      </c>
      <c r="G141" s="8">
        <v>15.317076811150701</v>
      </c>
      <c r="H141" s="8" t="s">
        <v>445</v>
      </c>
      <c r="I141" s="8" t="s">
        <v>446</v>
      </c>
      <c r="J141" s="11" t="s">
        <v>447</v>
      </c>
      <c r="K141" s="8">
        <v>17</v>
      </c>
      <c r="L141" s="8">
        <v>56887909</v>
      </c>
      <c r="M141" s="8">
        <v>56914038</v>
      </c>
      <c r="N141" s="12">
        <v>-1</v>
      </c>
      <c r="T141" s="25"/>
      <c r="U141" s="25"/>
    </row>
    <row r="142" spans="1:21" ht="85.5" x14ac:dyDescent="0.2">
      <c r="A142" s="8" t="s">
        <v>448</v>
      </c>
      <c r="B142" s="8">
        <v>0.40907455235435602</v>
      </c>
      <c r="C142" s="8">
        <v>8.5235382576812295</v>
      </c>
      <c r="D142" s="8">
        <v>12.632258208188</v>
      </c>
      <c r="E142" s="9">
        <v>2.3156378103881901E-11</v>
      </c>
      <c r="F142" s="10">
        <v>1.71655698155221E-10</v>
      </c>
      <c r="G142" s="8">
        <v>14.9042917244245</v>
      </c>
      <c r="H142" s="8">
        <v>1656</v>
      </c>
      <c r="I142" s="8" t="s">
        <v>449</v>
      </c>
      <c r="J142" s="11" t="s">
        <v>450</v>
      </c>
      <c r="K142" s="8">
        <v>11</v>
      </c>
      <c r="L142" s="8">
        <v>118747766</v>
      </c>
      <c r="M142" s="8">
        <v>118791149</v>
      </c>
      <c r="N142" s="12">
        <v>-1</v>
      </c>
      <c r="T142" s="25"/>
      <c r="U142" s="25"/>
    </row>
    <row r="143" spans="1:21" ht="85.5" x14ac:dyDescent="0.2">
      <c r="A143" s="8" t="s">
        <v>451</v>
      </c>
      <c r="B143" s="8">
        <v>-0.85050333068077799</v>
      </c>
      <c r="C143" s="8">
        <v>6.1634684684883796</v>
      </c>
      <c r="D143" s="8">
        <v>-12.629230599142801</v>
      </c>
      <c r="E143" s="9">
        <v>2.32614936311454E-11</v>
      </c>
      <c r="F143" s="10">
        <v>1.72367576977058E-10</v>
      </c>
      <c r="G143" s="8">
        <v>15.0714209717557</v>
      </c>
      <c r="H143" s="8">
        <v>79711</v>
      </c>
      <c r="I143" s="8" t="s">
        <v>452</v>
      </c>
      <c r="J143" s="11" t="s">
        <v>453</v>
      </c>
      <c r="K143" s="8">
        <v>14</v>
      </c>
      <c r="L143" s="8">
        <v>24180219</v>
      </c>
      <c r="M143" s="8">
        <v>24188964</v>
      </c>
      <c r="N143" s="12">
        <v>-1</v>
      </c>
      <c r="T143" s="25"/>
      <c r="U143" s="25"/>
    </row>
    <row r="144" spans="1:21" ht="128.25" x14ac:dyDescent="0.2">
      <c r="A144" s="8" t="s">
        <v>454</v>
      </c>
      <c r="B144" s="8">
        <v>0.73258516744068503</v>
      </c>
      <c r="C144" s="8">
        <v>4.18502738071619</v>
      </c>
      <c r="D144" s="8">
        <v>12.5336935053279</v>
      </c>
      <c r="E144" s="9">
        <v>2.6846904521324499E-11</v>
      </c>
      <c r="F144" s="10">
        <v>1.96102273710999E-10</v>
      </c>
      <c r="G144" s="8">
        <v>15.2476624619219</v>
      </c>
      <c r="H144" s="8">
        <v>128061</v>
      </c>
      <c r="I144" s="8" t="s">
        <v>455</v>
      </c>
      <c r="J144" s="11" t="s">
        <v>456</v>
      </c>
      <c r="K144" s="8">
        <v>1</v>
      </c>
      <c r="L144" s="8">
        <v>231223763</v>
      </c>
      <c r="M144" s="8">
        <v>231241187</v>
      </c>
      <c r="N144" s="12">
        <v>-1</v>
      </c>
      <c r="T144" s="25"/>
      <c r="U144" s="25"/>
    </row>
    <row r="145" spans="1:21" ht="142.5" x14ac:dyDescent="0.2">
      <c r="A145" s="8" t="s">
        <v>457</v>
      </c>
      <c r="B145" s="8">
        <v>0.39485883859008197</v>
      </c>
      <c r="C145" s="8">
        <v>8.6274884351968506</v>
      </c>
      <c r="D145" s="8">
        <v>12.4775379797233</v>
      </c>
      <c r="E145" s="9">
        <v>2.9218589942768502E-11</v>
      </c>
      <c r="F145" s="10">
        <v>2.1220098788515799E-10</v>
      </c>
      <c r="G145" s="8">
        <v>14.6576674102698</v>
      </c>
      <c r="H145" s="8">
        <v>51386</v>
      </c>
      <c r="I145" s="8" t="s">
        <v>458</v>
      </c>
      <c r="J145" s="11" t="s">
        <v>459</v>
      </c>
      <c r="K145" s="8">
        <v>22</v>
      </c>
      <c r="L145" s="8">
        <v>37848868</v>
      </c>
      <c r="M145" s="8">
        <v>37889407</v>
      </c>
      <c r="N145" s="12">
        <v>1</v>
      </c>
      <c r="T145" s="25"/>
      <c r="U145" s="25"/>
    </row>
    <row r="146" spans="1:21" ht="99.75" x14ac:dyDescent="0.2">
      <c r="A146" s="8" t="s">
        <v>460</v>
      </c>
      <c r="B146" s="8">
        <v>0.57532477988564201</v>
      </c>
      <c r="C146" s="8">
        <v>6.7758656105410999</v>
      </c>
      <c r="D146" s="8">
        <v>12.446934661738799</v>
      </c>
      <c r="E146" s="9">
        <v>3.0601942222486297E-11</v>
      </c>
      <c r="F146" s="10">
        <v>2.20811048500427E-10</v>
      </c>
      <c r="G146" s="8">
        <v>14.7128004141461</v>
      </c>
      <c r="H146" s="8">
        <v>10885</v>
      </c>
      <c r="I146" s="8" t="s">
        <v>461</v>
      </c>
      <c r="J146" s="11" t="s">
        <v>462</v>
      </c>
      <c r="K146" s="8">
        <v>1</v>
      </c>
      <c r="L146" s="8">
        <v>117929720</v>
      </c>
      <c r="M146" s="8">
        <v>117966542</v>
      </c>
      <c r="N146" s="12">
        <v>1</v>
      </c>
      <c r="T146" s="25"/>
      <c r="U146" s="25"/>
    </row>
    <row r="147" spans="1:21" ht="128.25" x14ac:dyDescent="0.2">
      <c r="A147" s="8" t="s">
        <v>463</v>
      </c>
      <c r="B147" s="8">
        <v>0.42126030008298099</v>
      </c>
      <c r="C147" s="8">
        <v>7.9656564604962501</v>
      </c>
      <c r="D147" s="8">
        <v>12.397357824060499</v>
      </c>
      <c r="E147" s="9">
        <v>3.2989431642897899E-11</v>
      </c>
      <c r="F147" s="10">
        <v>2.3659880736480498E-10</v>
      </c>
      <c r="G147" s="8">
        <v>14.5650054182891</v>
      </c>
      <c r="H147" s="8" t="s">
        <v>464</v>
      </c>
      <c r="I147" s="8" t="s">
        <v>465</v>
      </c>
      <c r="J147" s="11" t="s">
        <v>466</v>
      </c>
      <c r="K147" s="8">
        <v>8</v>
      </c>
      <c r="L147" s="8">
        <v>100685816</v>
      </c>
      <c r="M147" s="8">
        <v>100722809</v>
      </c>
      <c r="N147" s="12">
        <v>-1</v>
      </c>
      <c r="T147" s="25"/>
      <c r="U147" s="25"/>
    </row>
    <row r="148" spans="1:21" ht="114" x14ac:dyDescent="0.2">
      <c r="A148" s="8" t="s">
        <v>94</v>
      </c>
      <c r="B148" s="8">
        <v>2.0168483476519499</v>
      </c>
      <c r="C148" s="8">
        <v>2.2423492748612901</v>
      </c>
      <c r="D148" s="8">
        <v>12.377798792303301</v>
      </c>
      <c r="E148" s="9">
        <v>3.3983957444700303E-11</v>
      </c>
      <c r="F148" s="10">
        <v>2.4327180702681202E-10</v>
      </c>
      <c r="G148" s="8">
        <v>15.4947856607081</v>
      </c>
      <c r="H148" s="8">
        <v>3428</v>
      </c>
      <c r="I148" s="8" t="s">
        <v>74</v>
      </c>
      <c r="J148" s="11" t="s">
        <v>95</v>
      </c>
      <c r="K148" s="8">
        <v>1</v>
      </c>
      <c r="L148" s="8">
        <v>158999968</v>
      </c>
      <c r="M148" s="8">
        <v>159055155</v>
      </c>
      <c r="N148" s="12">
        <v>1</v>
      </c>
      <c r="T148" s="25"/>
      <c r="U148" s="25"/>
    </row>
    <row r="149" spans="1:21" ht="85.5" x14ac:dyDescent="0.2">
      <c r="A149" s="8" t="s">
        <v>467</v>
      </c>
      <c r="B149" s="8">
        <v>0.54140892295576004</v>
      </c>
      <c r="C149" s="8">
        <v>5.0257876167084898</v>
      </c>
      <c r="D149" s="8">
        <v>12.3076690933213</v>
      </c>
      <c r="E149" s="9">
        <v>3.78140477424707E-11</v>
      </c>
      <c r="F149" s="10">
        <v>2.6783597745146E-10</v>
      </c>
      <c r="G149" s="8">
        <v>14.712091733286901</v>
      </c>
      <c r="H149" s="8">
        <v>9670</v>
      </c>
      <c r="I149" s="8" t="s">
        <v>468</v>
      </c>
      <c r="J149" s="11" t="s">
        <v>469</v>
      </c>
      <c r="K149" s="8">
        <v>1</v>
      </c>
      <c r="L149" s="8">
        <v>43946939</v>
      </c>
      <c r="M149" s="8">
        <v>43968022</v>
      </c>
      <c r="N149" s="12">
        <v>1</v>
      </c>
      <c r="T149" s="25"/>
      <c r="U149" s="25"/>
    </row>
    <row r="150" spans="1:21" ht="71.25" x14ac:dyDescent="0.2">
      <c r="A150" s="8" t="s">
        <v>470</v>
      </c>
      <c r="B150" s="8">
        <v>0.60325791354206104</v>
      </c>
      <c r="C150" s="8">
        <v>6.9480442034743799</v>
      </c>
      <c r="D150" s="8">
        <v>12.2182533033011</v>
      </c>
      <c r="E150" s="9">
        <v>4.3359181642113101E-11</v>
      </c>
      <c r="F150" s="10">
        <v>3.04075088700067E-10</v>
      </c>
      <c r="G150" s="8">
        <v>14.339116760405499</v>
      </c>
      <c r="H150" s="8">
        <v>302</v>
      </c>
      <c r="I150" s="8" t="s">
        <v>471</v>
      </c>
      <c r="J150" s="11" t="s">
        <v>472</v>
      </c>
      <c r="K150" s="8">
        <v>15</v>
      </c>
      <c r="L150" s="8">
        <v>60347134</v>
      </c>
      <c r="M150" s="8">
        <v>60402883</v>
      </c>
      <c r="N150" s="12">
        <v>-1</v>
      </c>
      <c r="T150" s="25"/>
      <c r="U150" s="25"/>
    </row>
    <row r="151" spans="1:21" ht="128.25" x14ac:dyDescent="0.2">
      <c r="A151" s="8" t="s">
        <v>473</v>
      </c>
      <c r="B151" s="8">
        <v>-0.62203103339848198</v>
      </c>
      <c r="C151" s="8">
        <v>5.0010635978638502</v>
      </c>
      <c r="D151" s="8">
        <v>-12.216836238948099</v>
      </c>
      <c r="E151" s="9">
        <v>4.34535797875334E-11</v>
      </c>
      <c r="F151" s="10">
        <v>3.04624522950876E-10</v>
      </c>
      <c r="G151" s="8">
        <v>14.598474812174301</v>
      </c>
      <c r="H151" s="8">
        <v>55135</v>
      </c>
      <c r="I151" s="8" t="s">
        <v>474</v>
      </c>
      <c r="J151" s="11" t="s">
        <v>475</v>
      </c>
      <c r="K151" s="8">
        <v>17</v>
      </c>
      <c r="L151" s="8">
        <v>7686071</v>
      </c>
      <c r="M151" s="8">
        <v>7703502</v>
      </c>
      <c r="N151" s="12">
        <v>1</v>
      </c>
      <c r="T151" s="25"/>
      <c r="U151" s="25"/>
    </row>
    <row r="152" spans="1:21" ht="128.25" x14ac:dyDescent="0.2">
      <c r="A152" s="8" t="s">
        <v>476</v>
      </c>
      <c r="B152" s="8">
        <v>-0.95254651483603503</v>
      </c>
      <c r="C152" s="8">
        <v>4.4312687696737196</v>
      </c>
      <c r="D152" s="8">
        <v>-12.0670139849093</v>
      </c>
      <c r="E152" s="9">
        <v>5.47465324780678E-11</v>
      </c>
      <c r="F152" s="10">
        <v>3.7601337200010602E-10</v>
      </c>
      <c r="G152" s="8">
        <v>14.499977141118899</v>
      </c>
      <c r="H152" s="8">
        <v>3315</v>
      </c>
      <c r="I152" s="8" t="s">
        <v>477</v>
      </c>
      <c r="J152" s="11" t="s">
        <v>478</v>
      </c>
      <c r="K152" s="8">
        <v>7</v>
      </c>
      <c r="L152" s="8">
        <v>76302544</v>
      </c>
      <c r="M152" s="8">
        <v>76304295</v>
      </c>
      <c r="N152" s="12">
        <v>1</v>
      </c>
      <c r="T152" s="25"/>
      <c r="U152" s="25"/>
    </row>
    <row r="153" spans="1:21" ht="114" x14ac:dyDescent="0.2">
      <c r="A153" s="8" t="s">
        <v>479</v>
      </c>
      <c r="B153" s="8">
        <v>0.476956001866361</v>
      </c>
      <c r="C153" s="8">
        <v>6.2507818657887597</v>
      </c>
      <c r="D153" s="8">
        <v>12.051326065086</v>
      </c>
      <c r="E153" s="9">
        <v>5.60940579276351E-11</v>
      </c>
      <c r="F153" s="10">
        <v>3.8485066424176798E-10</v>
      </c>
      <c r="G153" s="8">
        <v>14.1265286968537</v>
      </c>
      <c r="H153" s="8">
        <v>96764</v>
      </c>
      <c r="I153" s="8" t="s">
        <v>480</v>
      </c>
      <c r="J153" s="11" t="s">
        <v>481</v>
      </c>
      <c r="K153" s="8">
        <v>8</v>
      </c>
      <c r="L153" s="8">
        <v>55773142</v>
      </c>
      <c r="M153" s="8">
        <v>55825448</v>
      </c>
      <c r="N153" s="12">
        <v>1</v>
      </c>
      <c r="T153" s="25"/>
      <c r="U153" s="25"/>
    </row>
    <row r="154" spans="1:21" ht="128.25" x14ac:dyDescent="0.2">
      <c r="A154" s="8" t="s">
        <v>482</v>
      </c>
      <c r="B154" s="8">
        <v>0.43960166571285603</v>
      </c>
      <c r="C154" s="8">
        <v>7.7191725856620996</v>
      </c>
      <c r="D154" s="8">
        <v>12.0151122292742</v>
      </c>
      <c r="E154" s="9">
        <v>5.93381182911794E-11</v>
      </c>
      <c r="F154" s="10">
        <v>4.0505736360133498E-10</v>
      </c>
      <c r="G154" s="8">
        <v>13.9683282919026</v>
      </c>
      <c r="H154" s="8">
        <v>8667</v>
      </c>
      <c r="I154" s="8" t="s">
        <v>483</v>
      </c>
      <c r="J154" s="11" t="s">
        <v>484</v>
      </c>
      <c r="K154" s="8">
        <v>8</v>
      </c>
      <c r="L154" s="8">
        <v>116642130</v>
      </c>
      <c r="M154" s="8">
        <v>116766925</v>
      </c>
      <c r="N154" s="12">
        <v>-1</v>
      </c>
      <c r="T154" s="25"/>
      <c r="U154" s="25"/>
    </row>
    <row r="155" spans="1:21" ht="142.5" x14ac:dyDescent="0.2">
      <c r="A155" s="8" t="s">
        <v>485</v>
      </c>
      <c r="B155" s="8">
        <v>0.628036297449583</v>
      </c>
      <c r="C155" s="8">
        <v>4.8912396598989902</v>
      </c>
      <c r="D155" s="8">
        <v>12.001391771885199</v>
      </c>
      <c r="E155" s="9">
        <v>6.0617665977862401E-11</v>
      </c>
      <c r="F155" s="10">
        <v>4.1260453632062201E-10</v>
      </c>
      <c r="G155" s="8">
        <v>14.2486172278787</v>
      </c>
      <c r="H155" s="8">
        <v>84298</v>
      </c>
      <c r="I155" s="8" t="s">
        <v>486</v>
      </c>
      <c r="J155" s="11" t="s">
        <v>487</v>
      </c>
      <c r="K155" s="8">
        <v>12</v>
      </c>
      <c r="L155" s="8">
        <v>66116555</v>
      </c>
      <c r="M155" s="8">
        <v>66130768</v>
      </c>
      <c r="N155" s="12">
        <v>-1</v>
      </c>
      <c r="T155" s="25"/>
      <c r="U155" s="25"/>
    </row>
    <row r="156" spans="1:21" ht="142.5" x14ac:dyDescent="0.2">
      <c r="A156" s="8" t="s">
        <v>488</v>
      </c>
      <c r="B156" s="8">
        <v>-1.4121655030342499</v>
      </c>
      <c r="C156" s="8">
        <v>1.86804695625716</v>
      </c>
      <c r="D156" s="8">
        <v>-11.9957613338036</v>
      </c>
      <c r="E156" s="9">
        <v>6.11510284237078E-11</v>
      </c>
      <c r="F156" s="10">
        <v>4.1593658293788599E-10</v>
      </c>
      <c r="G156" s="8">
        <v>15.0105166816041</v>
      </c>
      <c r="H156" s="8">
        <v>79730</v>
      </c>
      <c r="I156" s="8" t="s">
        <v>489</v>
      </c>
      <c r="J156" s="11" t="s">
        <v>490</v>
      </c>
      <c r="K156" s="8">
        <v>4</v>
      </c>
      <c r="L156" s="8">
        <v>40749897</v>
      </c>
      <c r="M156" s="8">
        <v>40809985</v>
      </c>
      <c r="N156" s="12">
        <v>1</v>
      </c>
      <c r="T156" s="25"/>
      <c r="U156" s="25"/>
    </row>
    <row r="157" spans="1:21" ht="171" x14ac:dyDescent="0.2">
      <c r="A157" s="8" t="s">
        <v>491</v>
      </c>
      <c r="B157" s="8">
        <v>0.72415433547363794</v>
      </c>
      <c r="C157" s="8">
        <v>4.0930661512428399</v>
      </c>
      <c r="D157" s="8">
        <v>11.9525317697052</v>
      </c>
      <c r="E157" s="9">
        <v>6.5412305089339503E-11</v>
      </c>
      <c r="F157" s="10">
        <v>4.4112626641094401E-10</v>
      </c>
      <c r="G157" s="8">
        <v>14.3461783507767</v>
      </c>
      <c r="H157" s="8">
        <v>51091</v>
      </c>
      <c r="I157" s="8" t="s">
        <v>492</v>
      </c>
      <c r="J157" s="11" t="s">
        <v>493</v>
      </c>
      <c r="K157" s="8">
        <v>4</v>
      </c>
      <c r="L157" s="8">
        <v>25120014</v>
      </c>
      <c r="M157" s="8">
        <v>25160442</v>
      </c>
      <c r="N157" s="12">
        <v>-1</v>
      </c>
      <c r="T157" s="25"/>
      <c r="U157" s="25"/>
    </row>
    <row r="158" spans="1:21" ht="128.25" x14ac:dyDescent="0.2">
      <c r="A158" s="8" t="s">
        <v>494</v>
      </c>
      <c r="B158" s="8">
        <v>-1.0306714811642901</v>
      </c>
      <c r="C158" s="8">
        <v>2.9186037823593298</v>
      </c>
      <c r="D158" s="8">
        <v>-11.9512515980385</v>
      </c>
      <c r="E158" s="9">
        <v>6.5543107310625401E-11</v>
      </c>
      <c r="F158" s="10">
        <v>4.41537645521384E-10</v>
      </c>
      <c r="G158" s="8">
        <v>14.683061093407201</v>
      </c>
      <c r="H158" s="8">
        <v>340554</v>
      </c>
      <c r="I158" s="8" t="s">
        <v>495</v>
      </c>
      <c r="J158" s="11" t="s">
        <v>496</v>
      </c>
      <c r="K158" s="8" t="s">
        <v>108</v>
      </c>
      <c r="L158" s="8">
        <v>65366638</v>
      </c>
      <c r="M158" s="8">
        <v>65507887</v>
      </c>
      <c r="N158" s="12">
        <v>1</v>
      </c>
      <c r="T158" s="25"/>
      <c r="U158" s="25"/>
    </row>
    <row r="159" spans="1:21" ht="185.25" x14ac:dyDescent="0.2">
      <c r="A159" s="8" t="s">
        <v>497</v>
      </c>
      <c r="B159" s="8">
        <v>0.62367611051584104</v>
      </c>
      <c r="C159" s="8">
        <v>4.7725420274000303</v>
      </c>
      <c r="D159" s="8">
        <v>11.927392110550301</v>
      </c>
      <c r="E159" s="9">
        <v>6.8031403735424503E-11</v>
      </c>
      <c r="F159" s="10">
        <v>4.5635629151189501E-10</v>
      </c>
      <c r="G159" s="8">
        <v>14.153171359045</v>
      </c>
      <c r="H159" s="8">
        <v>23378</v>
      </c>
      <c r="I159" s="8" t="s">
        <v>498</v>
      </c>
      <c r="J159" s="11" t="s">
        <v>499</v>
      </c>
      <c r="K159" s="8">
        <v>11</v>
      </c>
      <c r="L159" s="8">
        <v>6595075</v>
      </c>
      <c r="M159" s="8">
        <v>6603620</v>
      </c>
      <c r="N159" s="12">
        <v>-1</v>
      </c>
      <c r="T159" s="25"/>
      <c r="U159" s="25"/>
    </row>
    <row r="160" spans="1:21" ht="114" x14ac:dyDescent="0.2">
      <c r="A160" s="8" t="s">
        <v>500</v>
      </c>
      <c r="B160" s="8">
        <v>0.45655797420417299</v>
      </c>
      <c r="C160" s="8">
        <v>6.1109121512881703</v>
      </c>
      <c r="D160" s="8">
        <v>11.870232829633901</v>
      </c>
      <c r="E160" s="9">
        <v>7.4400563197906004E-11</v>
      </c>
      <c r="F160" s="10">
        <v>4.9384382224787002E-10</v>
      </c>
      <c r="G160" s="8">
        <v>13.847526236326599</v>
      </c>
      <c r="H160" s="8" t="s">
        <v>501</v>
      </c>
      <c r="I160" s="8" t="s">
        <v>502</v>
      </c>
      <c r="J160" s="11" t="s">
        <v>503</v>
      </c>
      <c r="K160" s="8">
        <v>7</v>
      </c>
      <c r="L160" s="8">
        <v>44876293</v>
      </c>
      <c r="M160" s="8">
        <v>44885361</v>
      </c>
      <c r="N160" s="12">
        <v>-1</v>
      </c>
      <c r="T160" s="25"/>
      <c r="U160" s="25"/>
    </row>
    <row r="161" spans="1:21" ht="114" x14ac:dyDescent="0.2">
      <c r="A161" s="8" t="s">
        <v>504</v>
      </c>
      <c r="B161" s="8">
        <v>0.47072826004677298</v>
      </c>
      <c r="C161" s="8">
        <v>6.57951668111816</v>
      </c>
      <c r="D161" s="8">
        <v>11.837911642079099</v>
      </c>
      <c r="E161" s="9">
        <v>7.8273717502257798E-11</v>
      </c>
      <c r="F161" s="10">
        <v>5.1756109304541702E-10</v>
      </c>
      <c r="G161" s="8">
        <v>13.751821148462</v>
      </c>
      <c r="H161" s="8">
        <v>51263</v>
      </c>
      <c r="I161" s="8" t="s">
        <v>505</v>
      </c>
      <c r="J161" s="11" t="s">
        <v>506</v>
      </c>
      <c r="K161" s="8">
        <v>2</v>
      </c>
      <c r="L161" s="8">
        <v>99181079</v>
      </c>
      <c r="M161" s="8">
        <v>99197626</v>
      </c>
      <c r="N161" s="12">
        <v>1</v>
      </c>
      <c r="T161" s="25"/>
      <c r="U161" s="25"/>
    </row>
    <row r="162" spans="1:21" ht="128.25" x14ac:dyDescent="0.2">
      <c r="A162" s="8" t="s">
        <v>507</v>
      </c>
      <c r="B162" s="8">
        <v>0.42986827350850798</v>
      </c>
      <c r="C162" s="8">
        <v>6.7942480656575404</v>
      </c>
      <c r="D162" s="8">
        <v>11.7682734901044</v>
      </c>
      <c r="E162" s="9">
        <v>8.7348514543712094E-11</v>
      </c>
      <c r="F162" s="10">
        <v>5.6962637817732802E-10</v>
      </c>
      <c r="G162" s="8">
        <v>13.622245812741101</v>
      </c>
      <c r="H162" s="8">
        <v>23112</v>
      </c>
      <c r="I162" s="8" t="s">
        <v>508</v>
      </c>
      <c r="J162" s="11" t="s">
        <v>509</v>
      </c>
      <c r="K162" s="8">
        <v>22</v>
      </c>
      <c r="L162" s="8">
        <v>40044817</v>
      </c>
      <c r="M162" s="8">
        <v>40335808</v>
      </c>
      <c r="N162" s="12">
        <v>1</v>
      </c>
      <c r="T162" s="25"/>
      <c r="U162" s="25"/>
    </row>
    <row r="163" spans="1:21" ht="99.75" x14ac:dyDescent="0.2">
      <c r="A163" s="8" t="s">
        <v>510</v>
      </c>
      <c r="B163" s="8">
        <v>0.67953202935402102</v>
      </c>
      <c r="C163" s="8">
        <v>4.46246477301115</v>
      </c>
      <c r="D163" s="8">
        <v>11.763907821816501</v>
      </c>
      <c r="E163" s="9">
        <v>8.79526829753226E-11</v>
      </c>
      <c r="F163" s="10">
        <v>5.7297564875478803E-10</v>
      </c>
      <c r="G163" s="8">
        <v>13.9537545818742</v>
      </c>
      <c r="H163" s="8">
        <v>79621</v>
      </c>
      <c r="I163" s="8" t="s">
        <v>511</v>
      </c>
      <c r="J163" s="11" t="s">
        <v>512</v>
      </c>
      <c r="K163" s="8">
        <v>13</v>
      </c>
      <c r="L163" s="8">
        <v>50909678</v>
      </c>
      <c r="M163" s="8">
        <v>50973745</v>
      </c>
      <c r="N163" s="12">
        <v>1</v>
      </c>
      <c r="T163" s="25"/>
      <c r="U163" s="25"/>
    </row>
    <row r="164" spans="1:21" ht="99.75" x14ac:dyDescent="0.2">
      <c r="A164" s="8" t="s">
        <v>513</v>
      </c>
      <c r="B164" s="8">
        <v>0.364676499242087</v>
      </c>
      <c r="C164" s="8">
        <v>9.4909973214574297</v>
      </c>
      <c r="D164" s="8">
        <v>11.759512534302999</v>
      </c>
      <c r="E164" s="9">
        <v>8.8565342791571699E-11</v>
      </c>
      <c r="F164" s="10">
        <v>5.7617569768791805E-10</v>
      </c>
      <c r="G164" s="8">
        <v>13.469381216635499</v>
      </c>
      <c r="H164" s="8">
        <v>6135</v>
      </c>
      <c r="I164" s="8" t="s">
        <v>514</v>
      </c>
      <c r="J164" s="11" t="s">
        <v>515</v>
      </c>
      <c r="K164" s="8">
        <v>1</v>
      </c>
      <c r="L164" s="8">
        <v>23691779</v>
      </c>
      <c r="M164" s="8">
        <v>23696425</v>
      </c>
      <c r="N164" s="12">
        <v>1</v>
      </c>
      <c r="T164" s="25"/>
      <c r="U164" s="25"/>
    </row>
    <row r="165" spans="1:21" ht="114" x14ac:dyDescent="0.2">
      <c r="A165" s="8" t="s">
        <v>516</v>
      </c>
      <c r="B165" s="8">
        <v>0.412042760705846</v>
      </c>
      <c r="C165" s="8">
        <v>9.8090508409150896</v>
      </c>
      <c r="D165" s="8">
        <v>11.734798165023699</v>
      </c>
      <c r="E165" s="9">
        <v>9.2093926621977504E-11</v>
      </c>
      <c r="F165" s="10">
        <v>5.9667683356274103E-10</v>
      </c>
      <c r="G165" s="8">
        <v>13.416970181135399</v>
      </c>
      <c r="H165" s="8">
        <v>3187</v>
      </c>
      <c r="I165" s="8" t="s">
        <v>517</v>
      </c>
      <c r="J165" s="11" t="s">
        <v>518</v>
      </c>
      <c r="K165" s="8">
        <v>5</v>
      </c>
      <c r="L165" s="8">
        <v>179614178</v>
      </c>
      <c r="M165" s="8">
        <v>179634784</v>
      </c>
      <c r="N165" s="12">
        <v>-1</v>
      </c>
      <c r="T165" s="25"/>
      <c r="U165" s="25"/>
    </row>
    <row r="166" spans="1:21" ht="99.75" x14ac:dyDescent="0.2">
      <c r="A166" s="8" t="s">
        <v>519</v>
      </c>
      <c r="B166" s="8">
        <v>0.57032970814374695</v>
      </c>
      <c r="C166" s="8">
        <v>4.6992248611454999</v>
      </c>
      <c r="D166" s="8">
        <v>11.714901348929001</v>
      </c>
      <c r="E166" s="9">
        <v>9.5040810063443995E-11</v>
      </c>
      <c r="F166" s="10">
        <v>6.1388340795574403E-10</v>
      </c>
      <c r="G166" s="8">
        <v>13.8215524395786</v>
      </c>
      <c r="H166" s="8">
        <v>65981</v>
      </c>
      <c r="I166" s="8" t="s">
        <v>520</v>
      </c>
      <c r="J166" s="11" t="s">
        <v>521</v>
      </c>
      <c r="K166" s="8">
        <v>12</v>
      </c>
      <c r="L166" s="8">
        <v>30709552</v>
      </c>
      <c r="M166" s="8">
        <v>30754951</v>
      </c>
      <c r="N166" s="12">
        <v>-1</v>
      </c>
      <c r="T166" s="25"/>
      <c r="U166" s="25"/>
    </row>
    <row r="167" spans="1:21" ht="99.75" x14ac:dyDescent="0.2">
      <c r="A167" s="8" t="s">
        <v>522</v>
      </c>
      <c r="B167" s="8">
        <v>0.64650024284617402</v>
      </c>
      <c r="C167" s="8">
        <v>4.9719111980669402</v>
      </c>
      <c r="D167" s="8">
        <v>11.7137053629066</v>
      </c>
      <c r="E167" s="9">
        <v>9.5221041049193499E-11</v>
      </c>
      <c r="F167" s="10">
        <v>6.1483827696173698E-10</v>
      </c>
      <c r="G167" s="8">
        <v>13.7643194368989</v>
      </c>
      <c r="H167" s="8">
        <v>5435</v>
      </c>
      <c r="I167" s="8" t="s">
        <v>523</v>
      </c>
      <c r="J167" s="11" t="s">
        <v>524</v>
      </c>
      <c r="K167" s="8">
        <v>22</v>
      </c>
      <c r="L167" s="8">
        <v>37952607</v>
      </c>
      <c r="M167" s="8">
        <v>38041915</v>
      </c>
      <c r="N167" s="12">
        <v>1</v>
      </c>
      <c r="T167" s="25"/>
      <c r="U167" s="25"/>
    </row>
    <row r="168" spans="1:21" ht="128.25" x14ac:dyDescent="0.2">
      <c r="A168" s="8" t="s">
        <v>525</v>
      </c>
      <c r="B168" s="8">
        <v>-0.520505683944542</v>
      </c>
      <c r="C168" s="8">
        <v>5.3887334707932704</v>
      </c>
      <c r="D168" s="8">
        <v>-11.711200536942901</v>
      </c>
      <c r="E168" s="9">
        <v>9.5599662577756096E-11</v>
      </c>
      <c r="F168" s="10">
        <v>6.1623464563114104E-10</v>
      </c>
      <c r="G168" s="8">
        <v>13.7039499328133</v>
      </c>
      <c r="H168" s="8">
        <v>85463</v>
      </c>
      <c r="I168" s="8" t="s">
        <v>526</v>
      </c>
      <c r="J168" s="11" t="s">
        <v>527</v>
      </c>
      <c r="K168" s="8">
        <v>11</v>
      </c>
      <c r="L168" s="8">
        <v>110093361</v>
      </c>
      <c r="M168" s="8">
        <v>110171841</v>
      </c>
      <c r="N168" s="12">
        <v>1</v>
      </c>
      <c r="T168" s="25"/>
      <c r="U168" s="25"/>
    </row>
    <row r="169" spans="1:21" ht="99.75" x14ac:dyDescent="0.2">
      <c r="A169" s="8" t="s">
        <v>528</v>
      </c>
      <c r="B169" s="8">
        <v>0.34823949258770498</v>
      </c>
      <c r="C169" s="8">
        <v>9.0971976256428793</v>
      </c>
      <c r="D169" s="8">
        <v>11.709955707903999</v>
      </c>
      <c r="E169" s="9">
        <v>9.57884091169449E-11</v>
      </c>
      <c r="F169" s="10">
        <v>6.1724164339974995E-10</v>
      </c>
      <c r="G169" s="8">
        <v>13.403365462024601</v>
      </c>
      <c r="H169" s="8">
        <v>6130</v>
      </c>
      <c r="I169" s="8" t="s">
        <v>529</v>
      </c>
      <c r="J169" s="11" t="s">
        <v>530</v>
      </c>
      <c r="K169" s="8">
        <v>9</v>
      </c>
      <c r="L169" s="8">
        <v>133348214</v>
      </c>
      <c r="M169" s="8">
        <v>133351426</v>
      </c>
      <c r="N169" s="12">
        <v>1</v>
      </c>
      <c r="T169" s="25"/>
      <c r="U169" s="25"/>
    </row>
    <row r="170" spans="1:21" ht="185.25" x14ac:dyDescent="0.2">
      <c r="A170" s="8" t="s">
        <v>531</v>
      </c>
      <c r="B170" s="8">
        <v>0.62527373573844502</v>
      </c>
      <c r="C170" s="8">
        <v>4.3660864194873001</v>
      </c>
      <c r="D170" s="8">
        <v>11.6977472309833</v>
      </c>
      <c r="E170" s="9">
        <v>9.7660184522141197E-11</v>
      </c>
      <c r="F170" s="10">
        <v>6.2781074582543096E-10</v>
      </c>
      <c r="G170" s="8">
        <v>13.866755083542699</v>
      </c>
      <c r="H170" s="8">
        <v>25939</v>
      </c>
      <c r="I170" s="8" t="s">
        <v>532</v>
      </c>
      <c r="J170" s="11" t="s">
        <v>533</v>
      </c>
      <c r="K170" s="8">
        <v>20</v>
      </c>
      <c r="L170" s="8">
        <v>36890229</v>
      </c>
      <c r="M170" s="8">
        <v>36951843</v>
      </c>
      <c r="N170" s="12">
        <v>-1</v>
      </c>
      <c r="T170" s="25"/>
      <c r="U170" s="25"/>
    </row>
    <row r="171" spans="1:21" ht="128.25" x14ac:dyDescent="0.2">
      <c r="A171" s="8" t="s">
        <v>534</v>
      </c>
      <c r="B171" s="8">
        <v>0.50755742051776098</v>
      </c>
      <c r="C171" s="8">
        <v>5.4187483502701497</v>
      </c>
      <c r="D171" s="8">
        <v>11.685600722757799</v>
      </c>
      <c r="E171" s="9">
        <v>9.9560240195362405E-11</v>
      </c>
      <c r="F171" s="10">
        <v>6.3915922807421897E-10</v>
      </c>
      <c r="G171" s="8">
        <v>13.6381464755572</v>
      </c>
      <c r="H171" s="8">
        <v>84206</v>
      </c>
      <c r="I171" s="8" t="s">
        <v>535</v>
      </c>
      <c r="J171" s="11" t="s">
        <v>536</v>
      </c>
      <c r="K171" s="8">
        <v>15</v>
      </c>
      <c r="L171" s="8">
        <v>82041778</v>
      </c>
      <c r="M171" s="8">
        <v>82046141</v>
      </c>
      <c r="N171" s="12">
        <v>-1</v>
      </c>
      <c r="T171" s="25"/>
      <c r="U171" s="25"/>
    </row>
    <row r="172" spans="1:21" ht="142.5" x14ac:dyDescent="0.2">
      <c r="A172" s="8" t="s">
        <v>537</v>
      </c>
      <c r="B172" s="8">
        <v>0.58045314579256901</v>
      </c>
      <c r="C172" s="8">
        <v>5.7813633272716496</v>
      </c>
      <c r="D172" s="8">
        <v>11.6649145345114</v>
      </c>
      <c r="E172" s="9">
        <v>1.02885144945886E-10</v>
      </c>
      <c r="F172" s="10">
        <v>6.5894410922648398E-10</v>
      </c>
      <c r="G172" s="8">
        <v>13.550696314525601</v>
      </c>
      <c r="H172" s="8">
        <v>27303</v>
      </c>
      <c r="I172" s="8" t="s">
        <v>538</v>
      </c>
      <c r="J172" s="11" t="s">
        <v>539</v>
      </c>
      <c r="K172" s="8">
        <v>3</v>
      </c>
      <c r="L172" s="8">
        <v>28574791</v>
      </c>
      <c r="M172" s="8">
        <v>30010391</v>
      </c>
      <c r="N172" s="12">
        <v>1</v>
      </c>
      <c r="T172" s="25"/>
      <c r="U172" s="25"/>
    </row>
    <row r="173" spans="1:21" ht="99.75" x14ac:dyDescent="0.2">
      <c r="A173" s="8" t="s">
        <v>540</v>
      </c>
      <c r="B173" s="8">
        <v>-1.9970921794382199</v>
      </c>
      <c r="C173" s="8">
        <v>1.0566818766669901</v>
      </c>
      <c r="D173" s="8">
        <v>-11.660226581563901</v>
      </c>
      <c r="E173" s="9">
        <v>1.03654568158802E-10</v>
      </c>
      <c r="F173" s="10">
        <v>6.6342419559851195E-10</v>
      </c>
      <c r="G173" s="8">
        <v>14.633428537064001</v>
      </c>
      <c r="H173" s="8">
        <v>25946</v>
      </c>
      <c r="I173" s="8" t="s">
        <v>541</v>
      </c>
      <c r="J173" s="11" t="s">
        <v>542</v>
      </c>
      <c r="K173" s="8">
        <v>12</v>
      </c>
      <c r="L173" s="8">
        <v>54369133</v>
      </c>
      <c r="M173" s="8">
        <v>54391298</v>
      </c>
      <c r="N173" s="12">
        <v>-1</v>
      </c>
      <c r="T173" s="25"/>
      <c r="U173" s="25"/>
    </row>
    <row r="174" spans="1:21" ht="114" x14ac:dyDescent="0.2">
      <c r="A174" s="8" t="s">
        <v>543</v>
      </c>
      <c r="B174" s="8">
        <v>0.470667757783097</v>
      </c>
      <c r="C174" s="8">
        <v>5.7840618265542396</v>
      </c>
      <c r="D174" s="8">
        <v>11.6507751438611</v>
      </c>
      <c r="E174" s="9">
        <v>1.0522406210587E-10</v>
      </c>
      <c r="F174" s="10">
        <v>6.7188325255151197E-10</v>
      </c>
      <c r="G174" s="8">
        <v>13.526824418357</v>
      </c>
      <c r="H174" s="8">
        <v>57508</v>
      </c>
      <c r="I174" s="8" t="s">
        <v>544</v>
      </c>
      <c r="J174" s="11" t="s">
        <v>545</v>
      </c>
      <c r="K174" s="8">
        <v>17</v>
      </c>
      <c r="L174" s="8">
        <v>61865367</v>
      </c>
      <c r="M174" s="8">
        <v>61928016</v>
      </c>
      <c r="N174" s="12">
        <v>-1</v>
      </c>
      <c r="T174" s="25"/>
      <c r="U174" s="25"/>
    </row>
    <row r="175" spans="1:21" ht="114" x14ac:dyDescent="0.2">
      <c r="A175" s="8" t="s">
        <v>546</v>
      </c>
      <c r="B175" s="8">
        <v>0.542511079959897</v>
      </c>
      <c r="C175" s="8">
        <v>5.1894062137973496</v>
      </c>
      <c r="D175" s="8">
        <v>11.649827740334199</v>
      </c>
      <c r="E175" s="9">
        <v>1.05382743865695E-10</v>
      </c>
      <c r="F175" s="10">
        <v>6.7267014138556497E-10</v>
      </c>
      <c r="G175" s="8">
        <v>13.6182475440764</v>
      </c>
      <c r="H175" s="8">
        <v>23536</v>
      </c>
      <c r="I175" s="8" t="s">
        <v>547</v>
      </c>
      <c r="J175" s="11" t="s">
        <v>548</v>
      </c>
      <c r="K175" s="8">
        <v>16</v>
      </c>
      <c r="L175" s="8">
        <v>75596981</v>
      </c>
      <c r="M175" s="8">
        <v>75623300</v>
      </c>
      <c r="N175" s="12">
        <v>-1</v>
      </c>
      <c r="T175" s="25"/>
      <c r="U175" s="25"/>
    </row>
    <row r="176" spans="1:21" ht="128.25" x14ac:dyDescent="0.2">
      <c r="A176" s="8" t="s">
        <v>549</v>
      </c>
      <c r="B176" s="8">
        <v>0.44702321500189002</v>
      </c>
      <c r="C176" s="8">
        <v>6.50078421525187</v>
      </c>
      <c r="D176" s="8">
        <v>11.5664044390259</v>
      </c>
      <c r="E176" s="9">
        <v>1.2037910357131499E-10</v>
      </c>
      <c r="F176" s="10">
        <v>7.6071736545882197E-10</v>
      </c>
      <c r="G176" s="8">
        <v>13.311084739900901</v>
      </c>
      <c r="H176" s="8">
        <v>26017</v>
      </c>
      <c r="I176" s="8" t="s">
        <v>550</v>
      </c>
      <c r="J176" s="11" t="s">
        <v>551</v>
      </c>
      <c r="K176" s="8">
        <v>19</v>
      </c>
      <c r="L176" s="8">
        <v>16185380</v>
      </c>
      <c r="M176" s="8">
        <v>16192046</v>
      </c>
      <c r="N176" s="12">
        <v>1</v>
      </c>
      <c r="T176" s="25"/>
      <c r="U176" s="25"/>
    </row>
    <row r="177" spans="1:21" ht="128.25" x14ac:dyDescent="0.2">
      <c r="A177" s="8" t="s">
        <v>552</v>
      </c>
      <c r="B177" s="8">
        <v>0.74619335835852996</v>
      </c>
      <c r="C177" s="8">
        <v>7.3320575847530902</v>
      </c>
      <c r="D177" s="8">
        <v>11.5625106318207</v>
      </c>
      <c r="E177" s="9">
        <v>1.21131082352384E-10</v>
      </c>
      <c r="F177" s="10">
        <v>7.6495991673916404E-10</v>
      </c>
      <c r="G177" s="8">
        <v>13.2480696152807</v>
      </c>
      <c r="H177" s="8">
        <v>23091</v>
      </c>
      <c r="I177" s="8" t="s">
        <v>553</v>
      </c>
      <c r="J177" s="11" t="s">
        <v>554</v>
      </c>
      <c r="K177" s="8">
        <v>13</v>
      </c>
      <c r="L177" s="8">
        <v>45954465</v>
      </c>
      <c r="M177" s="8">
        <v>46052759</v>
      </c>
      <c r="N177" s="12">
        <v>-1</v>
      </c>
      <c r="T177" s="25"/>
      <c r="U177" s="25"/>
    </row>
    <row r="178" spans="1:21" ht="114" x14ac:dyDescent="0.2">
      <c r="A178" s="8" t="s">
        <v>555</v>
      </c>
      <c r="B178" s="8">
        <v>0.50012133931067604</v>
      </c>
      <c r="C178" s="8">
        <v>6.6347884505454697</v>
      </c>
      <c r="D178" s="8">
        <v>11.5603875277003</v>
      </c>
      <c r="E178" s="9">
        <v>1.2154315623258699E-10</v>
      </c>
      <c r="F178" s="10">
        <v>7.6654186634290896E-10</v>
      </c>
      <c r="G178" s="8">
        <v>13.290562549126699</v>
      </c>
      <c r="H178" s="8">
        <v>55015</v>
      </c>
      <c r="I178" s="8" t="s">
        <v>556</v>
      </c>
      <c r="J178" s="11" t="s">
        <v>557</v>
      </c>
      <c r="K178" s="8">
        <v>14</v>
      </c>
      <c r="L178" s="8">
        <v>45084099</v>
      </c>
      <c r="M178" s="8">
        <v>45116282</v>
      </c>
      <c r="N178" s="12">
        <v>1</v>
      </c>
      <c r="T178" s="25"/>
      <c r="U178" s="25"/>
    </row>
    <row r="179" spans="1:21" ht="142.5" x14ac:dyDescent="0.2">
      <c r="A179" s="8" t="s">
        <v>558</v>
      </c>
      <c r="B179" s="8">
        <v>0.40249410973913202</v>
      </c>
      <c r="C179" s="8">
        <v>7.08474938190722</v>
      </c>
      <c r="D179" s="8">
        <v>11.541022610111501</v>
      </c>
      <c r="E179" s="9">
        <v>1.2536966910588001E-10</v>
      </c>
      <c r="F179" s="10">
        <v>7.8779477172923604E-10</v>
      </c>
      <c r="G179" s="8">
        <v>13.2282896352599</v>
      </c>
      <c r="H179" s="8">
        <v>9716</v>
      </c>
      <c r="I179" s="8" t="s">
        <v>559</v>
      </c>
      <c r="J179" s="11" t="s">
        <v>560</v>
      </c>
      <c r="K179" s="8">
        <v>15</v>
      </c>
      <c r="L179" s="8">
        <v>34851782</v>
      </c>
      <c r="M179" s="8">
        <v>34969839</v>
      </c>
      <c r="N179" s="12">
        <v>-1</v>
      </c>
      <c r="T179" s="25"/>
      <c r="U179" s="25"/>
    </row>
    <row r="180" spans="1:21" ht="114" x14ac:dyDescent="0.2">
      <c r="A180" s="8" t="s">
        <v>561</v>
      </c>
      <c r="B180" s="8">
        <v>0.528167075579281</v>
      </c>
      <c r="C180" s="8">
        <v>6.8191530229360096</v>
      </c>
      <c r="D180" s="8">
        <v>11.4821730031349</v>
      </c>
      <c r="E180" s="9">
        <v>1.37786158787577E-10</v>
      </c>
      <c r="F180" s="10">
        <v>8.58990780325834E-10</v>
      </c>
      <c r="G180" s="8">
        <v>13.147029258710401</v>
      </c>
      <c r="H180" s="8">
        <v>29994</v>
      </c>
      <c r="I180" s="8" t="s">
        <v>562</v>
      </c>
      <c r="J180" s="11" t="s">
        <v>563</v>
      </c>
      <c r="K180" s="8">
        <v>2</v>
      </c>
      <c r="L180" s="8">
        <v>159318979</v>
      </c>
      <c r="M180" s="8">
        <v>159616692</v>
      </c>
      <c r="N180" s="12">
        <v>-1</v>
      </c>
      <c r="T180" s="25"/>
      <c r="U180" s="25"/>
    </row>
    <row r="181" spans="1:21" ht="142.5" x14ac:dyDescent="0.2">
      <c r="A181" s="8" t="s">
        <v>564</v>
      </c>
      <c r="B181" s="8">
        <v>0.39621271972434702</v>
      </c>
      <c r="C181" s="8">
        <v>6.34135377554444</v>
      </c>
      <c r="D181" s="8">
        <v>11.458392009076601</v>
      </c>
      <c r="E181" s="9">
        <v>1.43160360309336E-10</v>
      </c>
      <c r="F181" s="10">
        <v>8.8869943002625801E-10</v>
      </c>
      <c r="G181" s="8">
        <v>13.1451028530321</v>
      </c>
      <c r="H181" s="8">
        <v>10644</v>
      </c>
      <c r="I181" s="8" t="s">
        <v>565</v>
      </c>
      <c r="J181" s="11" t="s">
        <v>566</v>
      </c>
      <c r="K181" s="8">
        <v>3</v>
      </c>
      <c r="L181" s="8">
        <v>185643739</v>
      </c>
      <c r="M181" s="8">
        <v>185825056</v>
      </c>
      <c r="N181" s="12">
        <v>-1</v>
      </c>
      <c r="T181" s="25"/>
      <c r="U181" s="25"/>
    </row>
    <row r="182" spans="1:21" ht="128.25" x14ac:dyDescent="0.2">
      <c r="A182" s="8" t="s">
        <v>567</v>
      </c>
      <c r="B182" s="8">
        <v>0.60512191970321005</v>
      </c>
      <c r="C182" s="8">
        <v>5.29936584081383</v>
      </c>
      <c r="D182" s="8">
        <v>11.437211426573301</v>
      </c>
      <c r="E182" s="9">
        <v>1.4813041839013201E-10</v>
      </c>
      <c r="F182" s="10">
        <v>9.1655394515472E-10</v>
      </c>
      <c r="G182" s="8">
        <v>13.245861396918301</v>
      </c>
      <c r="H182" s="8">
        <v>192670</v>
      </c>
      <c r="I182" s="8" t="s">
        <v>568</v>
      </c>
      <c r="J182" s="11" t="s">
        <v>569</v>
      </c>
      <c r="K182" s="8">
        <v>1</v>
      </c>
      <c r="L182" s="8">
        <v>35808172</v>
      </c>
      <c r="M182" s="8">
        <v>35857890</v>
      </c>
      <c r="N182" s="12">
        <v>1</v>
      </c>
      <c r="T182" s="25"/>
      <c r="U182" s="25"/>
    </row>
    <row r="183" spans="1:21" ht="142.5" x14ac:dyDescent="0.2">
      <c r="A183" s="8" t="s">
        <v>570</v>
      </c>
      <c r="B183" s="8">
        <v>0.41450216507444698</v>
      </c>
      <c r="C183" s="8">
        <v>7.4637062716857301</v>
      </c>
      <c r="D183" s="8">
        <v>11.317019591910499</v>
      </c>
      <c r="E183" s="9">
        <v>1.7994230475702801E-10</v>
      </c>
      <c r="F183" s="10">
        <v>1.09482690521774E-9</v>
      </c>
      <c r="G183" s="8">
        <v>12.830607102316399</v>
      </c>
      <c r="H183" s="8">
        <v>51441</v>
      </c>
      <c r="I183" s="8" t="s">
        <v>571</v>
      </c>
      <c r="J183" s="11" t="s">
        <v>572</v>
      </c>
      <c r="K183" s="8">
        <v>1</v>
      </c>
      <c r="L183" s="8">
        <v>28736621</v>
      </c>
      <c r="M183" s="8">
        <v>28769775</v>
      </c>
      <c r="N183" s="12">
        <v>1</v>
      </c>
      <c r="T183" s="25"/>
      <c r="U183" s="25"/>
    </row>
    <row r="184" spans="1:21" ht="99.75" x14ac:dyDescent="0.2">
      <c r="A184" s="8" t="s">
        <v>573</v>
      </c>
      <c r="B184" s="8">
        <v>0.39214356114879001</v>
      </c>
      <c r="C184" s="8">
        <v>9.1129449332039894</v>
      </c>
      <c r="D184" s="8">
        <v>11.310045557946699</v>
      </c>
      <c r="E184" s="9">
        <v>1.8199345136768999E-10</v>
      </c>
      <c r="F184" s="10">
        <v>1.10588848114142E-9</v>
      </c>
      <c r="G184" s="8">
        <v>12.7359723219281</v>
      </c>
      <c r="H184" s="8">
        <v>27316</v>
      </c>
      <c r="I184" s="8" t="s">
        <v>574</v>
      </c>
      <c r="J184" s="11" t="s">
        <v>575</v>
      </c>
      <c r="K184" s="8" t="s">
        <v>108</v>
      </c>
      <c r="L184" s="8">
        <v>136848004</v>
      </c>
      <c r="M184" s="8">
        <v>136880764</v>
      </c>
      <c r="N184" s="12">
        <v>-1</v>
      </c>
      <c r="T184" s="25"/>
      <c r="U184" s="25"/>
    </row>
    <row r="185" spans="1:21" ht="99.75" x14ac:dyDescent="0.2">
      <c r="A185" s="8" t="s">
        <v>576</v>
      </c>
      <c r="B185" s="8">
        <v>0.50973253364839399</v>
      </c>
      <c r="C185" s="8">
        <v>6.1057024533204798</v>
      </c>
      <c r="D185" s="8">
        <v>11.3028774540211</v>
      </c>
      <c r="E185" s="9">
        <v>1.84127021757704E-10</v>
      </c>
      <c r="F185" s="10">
        <v>1.1174219673476E-9</v>
      </c>
      <c r="G185" s="8">
        <v>12.9073502827427</v>
      </c>
      <c r="H185" s="8">
        <v>2971</v>
      </c>
      <c r="I185" s="8" t="s">
        <v>577</v>
      </c>
      <c r="J185" s="11" t="s">
        <v>578</v>
      </c>
      <c r="K185" s="8">
        <v>13</v>
      </c>
      <c r="L185" s="8">
        <v>27424544</v>
      </c>
      <c r="M185" s="8">
        <v>27435823</v>
      </c>
      <c r="N185" s="12">
        <v>1</v>
      </c>
      <c r="T185" s="25"/>
      <c r="U185" s="25"/>
    </row>
    <row r="186" spans="1:21" ht="128.25" x14ac:dyDescent="0.2">
      <c r="A186" s="8" t="s">
        <v>579</v>
      </c>
      <c r="B186" s="8">
        <v>0.54282527186769303</v>
      </c>
      <c r="C186" s="8">
        <v>4.8178675228287497</v>
      </c>
      <c r="D186" s="8">
        <v>11.284966491943599</v>
      </c>
      <c r="E186" s="9">
        <v>1.8957261632599499E-10</v>
      </c>
      <c r="F186" s="10">
        <v>1.1471682206691399E-9</v>
      </c>
      <c r="G186" s="8">
        <v>13.0807302706967</v>
      </c>
      <c r="H186" s="8">
        <v>219402</v>
      </c>
      <c r="I186" s="8" t="s">
        <v>580</v>
      </c>
      <c r="J186" s="11" t="s">
        <v>581</v>
      </c>
      <c r="K186" s="8">
        <v>13</v>
      </c>
      <c r="L186" s="8">
        <v>27435643</v>
      </c>
      <c r="M186" s="8">
        <v>27450591</v>
      </c>
      <c r="N186" s="12">
        <v>-1</v>
      </c>
      <c r="T186" s="25"/>
      <c r="U186" s="25"/>
    </row>
    <row r="187" spans="1:21" ht="142.5" x14ac:dyDescent="0.2">
      <c r="A187" s="8" t="s">
        <v>582</v>
      </c>
      <c r="B187" s="8">
        <v>0.50014248134794503</v>
      </c>
      <c r="C187" s="8">
        <v>5.9805747299059497</v>
      </c>
      <c r="D187" s="8">
        <v>11.2338700383389</v>
      </c>
      <c r="E187" s="9">
        <v>2.0604735577214201E-10</v>
      </c>
      <c r="F187" s="10">
        <v>1.23871111220909E-9</v>
      </c>
      <c r="G187" s="8">
        <v>12.8046813343592</v>
      </c>
      <c r="H187" s="8">
        <v>142940</v>
      </c>
      <c r="I187" s="8" t="s">
        <v>583</v>
      </c>
      <c r="J187" s="11" t="s">
        <v>584</v>
      </c>
      <c r="K187" s="8">
        <v>10</v>
      </c>
      <c r="L187" s="8">
        <v>114938193</v>
      </c>
      <c r="M187" s="8">
        <v>114977676</v>
      </c>
      <c r="N187" s="12">
        <v>1</v>
      </c>
      <c r="T187" s="25"/>
      <c r="U187" s="25"/>
    </row>
    <row r="188" spans="1:21" ht="128.25" x14ac:dyDescent="0.2">
      <c r="A188" s="8" t="s">
        <v>585</v>
      </c>
      <c r="B188" s="8">
        <v>0.47887340133756201</v>
      </c>
      <c r="C188" s="8">
        <v>7.1893032538095998</v>
      </c>
      <c r="D188" s="8">
        <v>11.2308418932246</v>
      </c>
      <c r="E188" s="9">
        <v>2.0706925358087801E-10</v>
      </c>
      <c r="F188" s="10">
        <v>1.24352950164694E-9</v>
      </c>
      <c r="G188" s="8">
        <v>12.7006587272127</v>
      </c>
      <c r="H188" s="8">
        <v>328</v>
      </c>
      <c r="I188" s="8" t="s">
        <v>586</v>
      </c>
      <c r="J188" s="11" t="s">
        <v>587</v>
      </c>
      <c r="K188" s="8">
        <v>14</v>
      </c>
      <c r="L188" s="8">
        <v>20455191</v>
      </c>
      <c r="M188" s="8">
        <v>20457772</v>
      </c>
      <c r="N188" s="12">
        <v>1</v>
      </c>
      <c r="T188" s="25"/>
      <c r="U188" s="25"/>
    </row>
    <row r="189" spans="1:21" ht="114" x14ac:dyDescent="0.2">
      <c r="A189" s="8" t="s">
        <v>588</v>
      </c>
      <c r="B189" s="8">
        <v>0.37625360995900797</v>
      </c>
      <c r="C189" s="8">
        <v>9.5015255376671206</v>
      </c>
      <c r="D189" s="8">
        <v>11.165522700582599</v>
      </c>
      <c r="E189" s="9">
        <v>2.3044341053821401E-10</v>
      </c>
      <c r="F189" s="10">
        <v>1.3709694873886401E-9</v>
      </c>
      <c r="G189" s="8">
        <v>12.4757505831658</v>
      </c>
      <c r="H189" s="8">
        <v>23451</v>
      </c>
      <c r="I189" s="8" t="s">
        <v>589</v>
      </c>
      <c r="J189" s="11" t="s">
        <v>590</v>
      </c>
      <c r="K189" s="8">
        <v>2</v>
      </c>
      <c r="L189" s="8">
        <v>197389784</v>
      </c>
      <c r="M189" s="8">
        <v>197435091</v>
      </c>
      <c r="N189" s="12">
        <v>-1</v>
      </c>
      <c r="T189" s="25"/>
      <c r="U189" s="25"/>
    </row>
    <row r="190" spans="1:21" ht="99.75" x14ac:dyDescent="0.2">
      <c r="A190" s="8" t="s">
        <v>591</v>
      </c>
      <c r="B190" s="8">
        <v>0.38511746048814799</v>
      </c>
      <c r="C190" s="8">
        <v>8.9102743743981598</v>
      </c>
      <c r="D190" s="8">
        <v>11.1497508039891</v>
      </c>
      <c r="E190" s="9">
        <v>2.36488035850706E-10</v>
      </c>
      <c r="F190" s="10">
        <v>1.4015719726230001E-9</v>
      </c>
      <c r="G190" s="8">
        <v>12.472532142296901</v>
      </c>
      <c r="H190" s="8">
        <v>6223</v>
      </c>
      <c r="I190" s="8" t="s">
        <v>592</v>
      </c>
      <c r="J190" s="11" t="s">
        <v>593</v>
      </c>
      <c r="K190" s="8">
        <v>19</v>
      </c>
      <c r="L190" s="8">
        <v>41859918</v>
      </c>
      <c r="M190" s="8">
        <v>41872926</v>
      </c>
      <c r="N190" s="12">
        <v>1</v>
      </c>
    </row>
    <row r="191" spans="1:21" ht="114" x14ac:dyDescent="0.2">
      <c r="A191" s="8" t="s">
        <v>594</v>
      </c>
      <c r="B191" s="8">
        <v>-1.2749572921480501</v>
      </c>
      <c r="C191" s="8">
        <v>2.5799503035538902</v>
      </c>
      <c r="D191" s="8">
        <v>-11.144718760152999</v>
      </c>
      <c r="E191" s="9">
        <v>2.3845107451856002E-10</v>
      </c>
      <c r="F191" s="10">
        <v>1.41232398287725E-9</v>
      </c>
      <c r="G191" s="8">
        <v>13.4499278911884</v>
      </c>
      <c r="H191" s="8">
        <v>26831</v>
      </c>
      <c r="I191" s="8" t="s">
        <v>595</v>
      </c>
      <c r="J191" s="11" t="s">
        <v>596</v>
      </c>
      <c r="K191" s="8">
        <v>15</v>
      </c>
      <c r="L191" s="8">
        <v>65296051</v>
      </c>
      <c r="M191" s="8">
        <v>65296166</v>
      </c>
      <c r="N191" s="12">
        <v>1</v>
      </c>
      <c r="T191" s="25"/>
      <c r="U191" s="25"/>
    </row>
    <row r="192" spans="1:21" ht="99.75" x14ac:dyDescent="0.2">
      <c r="A192" s="8" t="s">
        <v>597</v>
      </c>
      <c r="B192" s="8">
        <v>0.39013167377115998</v>
      </c>
      <c r="C192" s="8">
        <v>8.4302987445087396</v>
      </c>
      <c r="D192" s="8">
        <v>11.1338265514149</v>
      </c>
      <c r="E192" s="9">
        <v>2.4275843705209898E-10</v>
      </c>
      <c r="F192" s="10">
        <v>1.43470160695661E-9</v>
      </c>
      <c r="G192" s="8">
        <v>12.4677479486751</v>
      </c>
      <c r="H192" s="8" t="s">
        <v>598</v>
      </c>
      <c r="I192" s="8" t="s">
        <v>599</v>
      </c>
      <c r="J192" s="11" t="s">
        <v>600</v>
      </c>
      <c r="K192" s="8">
        <v>17</v>
      </c>
      <c r="L192" s="8">
        <v>32350109</v>
      </c>
      <c r="M192" s="8">
        <v>32381886</v>
      </c>
      <c r="N192" s="12">
        <v>1</v>
      </c>
      <c r="T192" s="25"/>
      <c r="U192" s="25"/>
    </row>
    <row r="193" spans="1:21" ht="142.5" x14ac:dyDescent="0.2">
      <c r="A193" s="8" t="s">
        <v>601</v>
      </c>
      <c r="B193" s="8">
        <v>-1.02327950011737</v>
      </c>
      <c r="C193" s="8">
        <v>4.2504741495438996</v>
      </c>
      <c r="D193" s="8">
        <v>-11.1283428507731</v>
      </c>
      <c r="E193" s="9">
        <v>2.4495751640255901E-10</v>
      </c>
      <c r="F193" s="10">
        <v>1.4463468540047799E-9</v>
      </c>
      <c r="G193" s="8">
        <v>12.9938098303628</v>
      </c>
      <c r="H193" s="8">
        <v>26010</v>
      </c>
      <c r="I193" s="8" t="s">
        <v>602</v>
      </c>
      <c r="J193" s="11" t="s">
        <v>603</v>
      </c>
      <c r="K193" s="8">
        <v>2</v>
      </c>
      <c r="L193" s="8">
        <v>200305881</v>
      </c>
      <c r="M193" s="8">
        <v>200482263</v>
      </c>
      <c r="N193" s="12">
        <v>1</v>
      </c>
      <c r="T193" s="25"/>
      <c r="U193" s="25"/>
    </row>
    <row r="194" spans="1:21" ht="99.75" x14ac:dyDescent="0.2">
      <c r="A194" s="8" t="s">
        <v>604</v>
      </c>
      <c r="B194" s="8">
        <v>-0.92129483145074997</v>
      </c>
      <c r="C194" s="8">
        <v>4.0910761538915503</v>
      </c>
      <c r="D194" s="8">
        <v>-11.1057667707002</v>
      </c>
      <c r="E194" s="9">
        <v>2.5423139527237602E-10</v>
      </c>
      <c r="F194" s="10">
        <v>1.4969125622351499E-9</v>
      </c>
      <c r="G194" s="8">
        <v>12.9878948819877</v>
      </c>
      <c r="H194" s="8">
        <v>3005</v>
      </c>
      <c r="I194" s="8" t="s">
        <v>605</v>
      </c>
      <c r="J194" s="11" t="s">
        <v>606</v>
      </c>
      <c r="K194" s="8">
        <v>22</v>
      </c>
      <c r="L194" s="8">
        <v>37805093</v>
      </c>
      <c r="M194" s="8">
        <v>37807436</v>
      </c>
      <c r="N194" s="12">
        <v>1</v>
      </c>
    </row>
    <row r="195" spans="1:21" ht="99.75" x14ac:dyDescent="0.2">
      <c r="A195" s="8" t="s">
        <v>607</v>
      </c>
      <c r="B195" s="8">
        <v>-0.85071177700796397</v>
      </c>
      <c r="C195" s="8">
        <v>3.4597192858822301</v>
      </c>
      <c r="D195" s="8">
        <v>-11.1050029312697</v>
      </c>
      <c r="E195" s="9">
        <v>2.5455147695854901E-10</v>
      </c>
      <c r="F195" s="10">
        <v>1.4983323133506201E-9</v>
      </c>
      <c r="G195" s="8">
        <v>13.1383480772214</v>
      </c>
      <c r="H195" s="8">
        <v>678</v>
      </c>
      <c r="I195" s="8" t="s">
        <v>608</v>
      </c>
      <c r="J195" s="11" t="s">
        <v>609</v>
      </c>
      <c r="K195" s="8">
        <v>2</v>
      </c>
      <c r="L195" s="8">
        <v>43222402</v>
      </c>
      <c r="M195" s="8">
        <v>43226609</v>
      </c>
      <c r="N195" s="12">
        <v>-1</v>
      </c>
    </row>
    <row r="196" spans="1:21" ht="128.25" x14ac:dyDescent="0.2">
      <c r="A196" s="8" t="s">
        <v>610</v>
      </c>
      <c r="B196" s="8">
        <v>0.65339214020234904</v>
      </c>
      <c r="C196" s="8">
        <v>4.6105185573412202</v>
      </c>
      <c r="D196" s="8">
        <v>11.096621679207001</v>
      </c>
      <c r="E196" s="9">
        <v>2.5809122084746902E-10</v>
      </c>
      <c r="F196" s="10">
        <v>1.51728534635143E-9</v>
      </c>
      <c r="G196" s="8">
        <v>12.805010932161</v>
      </c>
      <c r="H196" s="8">
        <v>5939</v>
      </c>
      <c r="I196" s="8" t="s">
        <v>611</v>
      </c>
      <c r="J196" s="11" t="s">
        <v>612</v>
      </c>
      <c r="K196" s="8">
        <v>12</v>
      </c>
      <c r="L196" s="8">
        <v>56521929</v>
      </c>
      <c r="M196" s="8">
        <v>56596196</v>
      </c>
      <c r="N196" s="12">
        <v>1</v>
      </c>
      <c r="T196" s="25"/>
      <c r="U196" s="25"/>
    </row>
    <row r="197" spans="1:21" ht="114" x14ac:dyDescent="0.2">
      <c r="A197" s="8" t="s">
        <v>613</v>
      </c>
      <c r="B197" s="8">
        <v>0.36436973193395999</v>
      </c>
      <c r="C197" s="8">
        <v>8.1042735416034795</v>
      </c>
      <c r="D197" s="8">
        <v>11.071302531304401</v>
      </c>
      <c r="E197" s="9">
        <v>2.6909856686810201E-10</v>
      </c>
      <c r="F197" s="10">
        <v>1.5746788478125099E-9</v>
      </c>
      <c r="G197" s="8">
        <v>12.377714393392999</v>
      </c>
      <c r="H197" s="8">
        <v>23215</v>
      </c>
      <c r="I197" s="8" t="s">
        <v>614</v>
      </c>
      <c r="J197" s="11" t="s">
        <v>615</v>
      </c>
      <c r="K197" s="8">
        <v>1</v>
      </c>
      <c r="L197" s="8">
        <v>171485551</v>
      </c>
      <c r="M197" s="8">
        <v>171593511</v>
      </c>
      <c r="N197" s="12">
        <v>1</v>
      </c>
      <c r="T197" s="25"/>
      <c r="U197" s="25"/>
    </row>
    <row r="198" spans="1:21" ht="99.75" x14ac:dyDescent="0.2">
      <c r="A198" s="8" t="s">
        <v>616</v>
      </c>
      <c r="B198" s="8">
        <v>0.36736069449129799</v>
      </c>
      <c r="C198" s="8">
        <v>9.5914471899680205</v>
      </c>
      <c r="D198" s="8">
        <v>11.049243251077799</v>
      </c>
      <c r="E198" s="9">
        <v>2.7908631373039298E-10</v>
      </c>
      <c r="F198" s="10">
        <v>1.62710321832923E-9</v>
      </c>
      <c r="G198" s="8">
        <v>12.2735764633917</v>
      </c>
      <c r="H198" s="8">
        <v>4076</v>
      </c>
      <c r="I198" s="8" t="s">
        <v>617</v>
      </c>
      <c r="J198" s="11" t="s">
        <v>618</v>
      </c>
      <c r="K198" s="8">
        <v>11</v>
      </c>
      <c r="L198" s="8">
        <v>34051683</v>
      </c>
      <c r="M198" s="8">
        <v>34101156</v>
      </c>
      <c r="N198" s="12">
        <v>1</v>
      </c>
      <c r="T198" s="25"/>
      <c r="U198" s="25"/>
    </row>
    <row r="199" spans="1:21" ht="114" x14ac:dyDescent="0.2">
      <c r="A199" s="8" t="s">
        <v>619</v>
      </c>
      <c r="B199" s="8">
        <v>-1.46808437979873</v>
      </c>
      <c r="C199" s="8">
        <v>2.0544587337664901</v>
      </c>
      <c r="D199" s="8">
        <v>-11.0220087135593</v>
      </c>
      <c r="E199" s="9">
        <v>2.9195112348213599E-10</v>
      </c>
      <c r="F199" s="10">
        <v>1.6948169074091401E-9</v>
      </c>
      <c r="G199" s="8">
        <v>13.373687719558101</v>
      </c>
      <c r="H199" s="8">
        <v>133522</v>
      </c>
      <c r="I199" s="8" t="s">
        <v>620</v>
      </c>
      <c r="J199" s="11" t="s">
        <v>621</v>
      </c>
      <c r="K199" s="8">
        <v>5</v>
      </c>
      <c r="L199" s="8">
        <v>149730298</v>
      </c>
      <c r="M199" s="8">
        <v>149855022</v>
      </c>
      <c r="N199" s="12">
        <v>1</v>
      </c>
      <c r="T199" s="25"/>
      <c r="U199" s="25"/>
    </row>
    <row r="200" spans="1:21" ht="99.75" x14ac:dyDescent="0.2">
      <c r="A200" s="8" t="s">
        <v>622</v>
      </c>
      <c r="B200" s="8">
        <v>0.58570050112300498</v>
      </c>
      <c r="C200" s="8">
        <v>4.8788099794808097</v>
      </c>
      <c r="D200" s="8">
        <v>11.019473840889299</v>
      </c>
      <c r="E200" s="9">
        <v>2.9317946889412102E-10</v>
      </c>
      <c r="F200" s="10">
        <v>1.7003871580696E-9</v>
      </c>
      <c r="G200" s="8">
        <v>12.6161989892561</v>
      </c>
      <c r="H200" s="8" t="s">
        <v>623</v>
      </c>
      <c r="I200" s="8" t="s">
        <v>624</v>
      </c>
      <c r="J200" s="11" t="s">
        <v>625</v>
      </c>
      <c r="K200" s="8">
        <v>7</v>
      </c>
      <c r="L200" s="8">
        <v>90335223</v>
      </c>
      <c r="M200" s="8">
        <v>90391455</v>
      </c>
      <c r="N200" s="12">
        <v>1</v>
      </c>
      <c r="T200" s="25"/>
      <c r="U200" s="25"/>
    </row>
    <row r="201" spans="1:21" ht="128.25" x14ac:dyDescent="0.2">
      <c r="A201" s="8" t="s">
        <v>626</v>
      </c>
      <c r="B201" s="8">
        <v>0.43113631549249298</v>
      </c>
      <c r="C201" s="8">
        <v>8.7875284429233904</v>
      </c>
      <c r="D201" s="8">
        <v>10.9754002181757</v>
      </c>
      <c r="E201" s="9">
        <v>3.1541692464312702E-10</v>
      </c>
      <c r="F201" s="10">
        <v>1.8187988389403299E-9</v>
      </c>
      <c r="G201" s="8">
        <v>12.1788688160334</v>
      </c>
      <c r="H201" s="8">
        <v>6434</v>
      </c>
      <c r="I201" s="8" t="s">
        <v>627</v>
      </c>
      <c r="J201" s="11" t="s">
        <v>628</v>
      </c>
      <c r="K201" s="8">
        <v>3</v>
      </c>
      <c r="L201" s="8">
        <v>185915906</v>
      </c>
      <c r="M201" s="8">
        <v>185938136</v>
      </c>
      <c r="N201" s="12">
        <v>-1</v>
      </c>
      <c r="T201" s="25"/>
      <c r="U201" s="25"/>
    </row>
    <row r="202" spans="1:21" ht="114" x14ac:dyDescent="0.2">
      <c r="A202" s="8" t="s">
        <v>629</v>
      </c>
      <c r="B202" s="8">
        <v>0.42764519894265002</v>
      </c>
      <c r="C202" s="8">
        <v>6.4064012042758698</v>
      </c>
      <c r="D202" s="8">
        <v>10.9477572415583</v>
      </c>
      <c r="E202" s="9">
        <v>3.3025241954594102E-10</v>
      </c>
      <c r="F202" s="10">
        <v>1.8957048293174E-9</v>
      </c>
      <c r="G202" s="8">
        <v>12.271730027838499</v>
      </c>
      <c r="H202" s="8">
        <v>55131</v>
      </c>
      <c r="I202" s="8" t="s">
        <v>630</v>
      </c>
      <c r="J202" s="11" t="s">
        <v>631</v>
      </c>
      <c r="K202" s="8">
        <v>7</v>
      </c>
      <c r="L202" s="8">
        <v>128297685</v>
      </c>
      <c r="M202" s="8">
        <v>128343908</v>
      </c>
      <c r="N202" s="12">
        <v>-1</v>
      </c>
      <c r="T202" s="25"/>
      <c r="U202" s="25"/>
    </row>
    <row r="203" spans="1:21" ht="128.25" x14ac:dyDescent="0.2">
      <c r="A203" s="8" t="s">
        <v>632</v>
      </c>
      <c r="B203" s="8">
        <v>0.33289198313954999</v>
      </c>
      <c r="C203" s="8">
        <v>9.4365328966104993</v>
      </c>
      <c r="D203" s="8">
        <v>10.903121332198699</v>
      </c>
      <c r="E203" s="9">
        <v>3.5575712326856098E-10</v>
      </c>
      <c r="F203" s="10">
        <v>2.0292163896205301E-9</v>
      </c>
      <c r="G203" s="8">
        <v>12.027522363268201</v>
      </c>
      <c r="H203" s="8">
        <v>4841</v>
      </c>
      <c r="I203" s="8" t="s">
        <v>633</v>
      </c>
      <c r="J203" s="11" t="s">
        <v>634</v>
      </c>
      <c r="K203" s="8" t="s">
        <v>108</v>
      </c>
      <c r="L203" s="8">
        <v>71283192</v>
      </c>
      <c r="M203" s="8">
        <v>71301168</v>
      </c>
      <c r="N203" s="12">
        <v>1</v>
      </c>
      <c r="T203" s="25"/>
      <c r="U203" s="25"/>
    </row>
    <row r="204" spans="1:21" ht="128.25" x14ac:dyDescent="0.2">
      <c r="A204" s="8" t="s">
        <v>635</v>
      </c>
      <c r="B204" s="8">
        <v>-0.46441970921806602</v>
      </c>
      <c r="C204" s="8">
        <v>5.5110702156684503</v>
      </c>
      <c r="D204" s="8">
        <v>-10.9025651530585</v>
      </c>
      <c r="E204" s="9">
        <v>3.5608752732477699E-10</v>
      </c>
      <c r="F204" s="10">
        <v>2.0304906869117399E-9</v>
      </c>
      <c r="G204" s="8">
        <v>12.317295469223099</v>
      </c>
      <c r="H204" s="8">
        <v>3105</v>
      </c>
      <c r="I204" s="8" t="s">
        <v>636</v>
      </c>
      <c r="J204" s="11" t="s">
        <v>637</v>
      </c>
      <c r="K204" s="8">
        <v>6</v>
      </c>
      <c r="L204" s="8">
        <v>29941260</v>
      </c>
      <c r="M204" s="8">
        <v>29945884</v>
      </c>
      <c r="N204" s="12">
        <v>1</v>
      </c>
      <c r="T204" s="25"/>
      <c r="U204" s="25"/>
    </row>
    <row r="205" spans="1:21" ht="114" x14ac:dyDescent="0.2">
      <c r="A205" s="8" t="s">
        <v>638</v>
      </c>
      <c r="B205" s="8">
        <v>0.45534542978891202</v>
      </c>
      <c r="C205" s="8">
        <v>5.7713597126244398</v>
      </c>
      <c r="D205" s="8">
        <v>10.863674730402</v>
      </c>
      <c r="E205" s="9">
        <v>3.7999995391063502E-10</v>
      </c>
      <c r="F205" s="10">
        <v>2.1539005750782901E-9</v>
      </c>
      <c r="G205" s="8">
        <v>12.1960920358976</v>
      </c>
      <c r="H205" s="8">
        <v>83759</v>
      </c>
      <c r="I205" s="8" t="s">
        <v>639</v>
      </c>
      <c r="J205" s="11" t="s">
        <v>640</v>
      </c>
      <c r="K205" s="8">
        <v>11</v>
      </c>
      <c r="L205" s="8">
        <v>66664998</v>
      </c>
      <c r="M205" s="8">
        <v>66677921</v>
      </c>
      <c r="N205" s="12">
        <v>-1</v>
      </c>
      <c r="T205" s="25"/>
      <c r="U205" s="25"/>
    </row>
    <row r="206" spans="1:21" ht="142.5" x14ac:dyDescent="0.2">
      <c r="A206" s="8" t="s">
        <v>641</v>
      </c>
      <c r="B206" s="8">
        <v>0.47657345490500302</v>
      </c>
      <c r="C206" s="8">
        <v>5.9396693532905402</v>
      </c>
      <c r="D206" s="8">
        <v>10.8135157287056</v>
      </c>
      <c r="E206" s="9">
        <v>4.1332825120972602E-10</v>
      </c>
      <c r="F206" s="10">
        <v>2.3309748063022202E-9</v>
      </c>
      <c r="G206" s="8">
        <v>12.0873612534087</v>
      </c>
      <c r="H206" s="8">
        <v>55341</v>
      </c>
      <c r="I206" s="8" t="s">
        <v>642</v>
      </c>
      <c r="J206" s="11" t="s">
        <v>643</v>
      </c>
      <c r="K206" s="8">
        <v>3</v>
      </c>
      <c r="L206" s="8">
        <v>194640788</v>
      </c>
      <c r="M206" s="8">
        <v>194672477</v>
      </c>
      <c r="N206" s="12">
        <v>-1</v>
      </c>
      <c r="T206" s="25"/>
      <c r="U206" s="25"/>
    </row>
    <row r="207" spans="1:21" ht="156.75" x14ac:dyDescent="0.2">
      <c r="A207" s="8" t="s">
        <v>644</v>
      </c>
      <c r="B207" s="8">
        <v>0.39598979064415701</v>
      </c>
      <c r="C207" s="8">
        <v>7.0770696750877997</v>
      </c>
      <c r="D207" s="8">
        <v>10.79751904696</v>
      </c>
      <c r="E207" s="9">
        <v>4.2458488510179201E-10</v>
      </c>
      <c r="F207" s="10">
        <v>2.3880697583214898E-9</v>
      </c>
      <c r="G207" s="8">
        <v>11.962605055192199</v>
      </c>
      <c r="H207" s="8">
        <v>51585</v>
      </c>
      <c r="I207" s="8" t="s">
        <v>645</v>
      </c>
      <c r="J207" s="11" t="s">
        <v>646</v>
      </c>
      <c r="K207" s="8">
        <v>11</v>
      </c>
      <c r="L207" s="8">
        <v>83156988</v>
      </c>
      <c r="M207" s="8">
        <v>83187451</v>
      </c>
      <c r="N207" s="12">
        <v>1</v>
      </c>
      <c r="T207" s="25"/>
      <c r="U207" s="25"/>
    </row>
    <row r="208" spans="1:21" ht="114" x14ac:dyDescent="0.2">
      <c r="A208" s="8" t="s">
        <v>647</v>
      </c>
      <c r="B208" s="8">
        <v>-0.71482794404734296</v>
      </c>
      <c r="C208" s="8">
        <v>4.6156096522557402</v>
      </c>
      <c r="D208" s="8">
        <v>-10.7938787144972</v>
      </c>
      <c r="E208" s="9">
        <v>4.2719073576887898E-10</v>
      </c>
      <c r="F208" s="10">
        <v>2.4020143978328999E-9</v>
      </c>
      <c r="G208" s="8">
        <v>12.3152540004473</v>
      </c>
      <c r="H208" s="8">
        <v>5442</v>
      </c>
      <c r="I208" s="8" t="s">
        <v>648</v>
      </c>
      <c r="J208" s="11" t="s">
        <v>649</v>
      </c>
      <c r="K208" s="8">
        <v>19</v>
      </c>
      <c r="L208" s="8">
        <v>617224</v>
      </c>
      <c r="M208" s="8">
        <v>633604</v>
      </c>
      <c r="N208" s="12">
        <v>-1</v>
      </c>
    </row>
    <row r="209" spans="1:21" ht="156.75" x14ac:dyDescent="0.2">
      <c r="A209" s="8" t="s">
        <v>650</v>
      </c>
      <c r="B209" s="8">
        <v>1.74796068141016</v>
      </c>
      <c r="C209" s="8">
        <v>0.80195567994067496</v>
      </c>
      <c r="D209" s="8">
        <v>10.786131595334099</v>
      </c>
      <c r="E209" s="9">
        <v>4.32791794337318E-10</v>
      </c>
      <c r="F209" s="10">
        <v>2.4291895537235401E-9</v>
      </c>
      <c r="G209" s="8">
        <v>13.159686300199301</v>
      </c>
      <c r="H209" s="8">
        <v>51191</v>
      </c>
      <c r="I209" s="8" t="s">
        <v>651</v>
      </c>
      <c r="J209" s="11" t="s">
        <v>652</v>
      </c>
      <c r="K209" s="8">
        <v>4</v>
      </c>
      <c r="L209" s="8">
        <v>88457117</v>
      </c>
      <c r="M209" s="8">
        <v>88506163</v>
      </c>
      <c r="N209" s="12">
        <v>1</v>
      </c>
      <c r="T209" s="25"/>
      <c r="U209" s="25"/>
    </row>
    <row r="210" spans="1:21" ht="128.25" x14ac:dyDescent="0.2">
      <c r="A210" s="8" t="s">
        <v>653</v>
      </c>
      <c r="B210" s="8">
        <v>-1.40240586408571</v>
      </c>
      <c r="C210" s="8">
        <v>1.9830704982373799</v>
      </c>
      <c r="D210" s="8">
        <v>-10.7815381367983</v>
      </c>
      <c r="E210" s="9">
        <v>4.3614877956183099E-10</v>
      </c>
      <c r="F210" s="10">
        <v>2.4458615217922202E-9</v>
      </c>
      <c r="G210" s="8">
        <v>12.9733157040733</v>
      </c>
      <c r="H210" s="8">
        <v>27254</v>
      </c>
      <c r="I210" s="8" t="s">
        <v>654</v>
      </c>
      <c r="J210" s="11" t="s">
        <v>655</v>
      </c>
      <c r="K210" s="8">
        <v>22</v>
      </c>
      <c r="L210" s="8">
        <v>41560763</v>
      </c>
      <c r="M210" s="8">
        <v>41577741</v>
      </c>
      <c r="N210" s="12">
        <v>1</v>
      </c>
      <c r="T210" s="25"/>
      <c r="U210" s="25"/>
    </row>
    <row r="211" spans="1:21" ht="114" x14ac:dyDescent="0.2">
      <c r="A211" s="8" t="s">
        <v>656</v>
      </c>
      <c r="B211" s="8">
        <v>0.37700042081978102</v>
      </c>
      <c r="C211" s="8">
        <v>6.6590548008691801</v>
      </c>
      <c r="D211" s="8">
        <v>10.756269029816799</v>
      </c>
      <c r="E211" s="9">
        <v>4.5510590078140498E-10</v>
      </c>
      <c r="F211" s="10">
        <v>2.5439012309657501E-9</v>
      </c>
      <c r="G211" s="8">
        <v>11.918624214849199</v>
      </c>
      <c r="H211" s="8">
        <v>8939</v>
      </c>
      <c r="I211" s="8" t="s">
        <v>657</v>
      </c>
      <c r="J211" s="11" t="s">
        <v>658</v>
      </c>
      <c r="K211" s="8">
        <v>9</v>
      </c>
      <c r="L211" s="8">
        <v>130578965</v>
      </c>
      <c r="M211" s="8">
        <v>130638352</v>
      </c>
      <c r="N211" s="12">
        <v>1</v>
      </c>
      <c r="T211" s="25"/>
      <c r="U211" s="25"/>
    </row>
    <row r="212" spans="1:21" ht="114" x14ac:dyDescent="0.2">
      <c r="A212" s="8" t="s">
        <v>659</v>
      </c>
      <c r="B212" s="8">
        <v>0.43973710360313401</v>
      </c>
      <c r="C212" s="8">
        <v>5.4706280036295496</v>
      </c>
      <c r="D212" s="8">
        <v>10.7313299861005</v>
      </c>
      <c r="E212" s="9">
        <v>4.7465593873723404E-10</v>
      </c>
      <c r="F212" s="10">
        <v>2.6391871518946599E-9</v>
      </c>
      <c r="G212" s="8">
        <v>12.0095233256003</v>
      </c>
      <c r="H212" s="8">
        <v>6936</v>
      </c>
      <c r="I212" s="8" t="s">
        <v>660</v>
      </c>
      <c r="J212" s="11" t="s">
        <v>661</v>
      </c>
      <c r="K212" s="8">
        <v>2</v>
      </c>
      <c r="L212" s="8">
        <v>75652000</v>
      </c>
      <c r="M212" s="8">
        <v>75710989</v>
      </c>
      <c r="N212" s="12">
        <v>-1</v>
      </c>
      <c r="T212" s="25"/>
      <c r="U212" s="25"/>
    </row>
    <row r="213" spans="1:21" ht="99.75" x14ac:dyDescent="0.2">
      <c r="A213" s="8" t="s">
        <v>662</v>
      </c>
      <c r="B213" s="8">
        <v>0.67909335098980805</v>
      </c>
      <c r="C213" s="8">
        <v>5.5271389581703998</v>
      </c>
      <c r="D213" s="8">
        <v>10.7154173413261</v>
      </c>
      <c r="E213" s="9">
        <v>4.8758422724452501E-10</v>
      </c>
      <c r="F213" s="10">
        <v>2.7063135069960101E-9</v>
      </c>
      <c r="G213" s="8">
        <v>11.9732122562173</v>
      </c>
      <c r="H213" s="8">
        <v>56919</v>
      </c>
      <c r="I213" s="8" t="s">
        <v>663</v>
      </c>
      <c r="J213" s="11" t="s">
        <v>664</v>
      </c>
      <c r="K213" s="8">
        <v>17</v>
      </c>
      <c r="L213" s="8">
        <v>5440912</v>
      </c>
      <c r="M213" s="8">
        <v>5469060</v>
      </c>
      <c r="N213" s="12">
        <v>-1</v>
      </c>
      <c r="T213" s="25"/>
      <c r="U213" s="25"/>
    </row>
    <row r="214" spans="1:21" ht="114" x14ac:dyDescent="0.2">
      <c r="A214" s="8" t="s">
        <v>665</v>
      </c>
      <c r="B214" s="8">
        <v>0.38667123570069101</v>
      </c>
      <c r="C214" s="8">
        <v>7.6004135884464503</v>
      </c>
      <c r="D214" s="8">
        <v>10.686611705905801</v>
      </c>
      <c r="E214" s="9">
        <v>5.1192626632702799E-10</v>
      </c>
      <c r="F214" s="10">
        <v>2.8298353498654301E-9</v>
      </c>
      <c r="G214" s="8">
        <v>11.737813550871699</v>
      </c>
      <c r="H214" s="8">
        <v>28977</v>
      </c>
      <c r="I214" s="8" t="s">
        <v>666</v>
      </c>
      <c r="J214" s="11" t="s">
        <v>667</v>
      </c>
      <c r="K214" s="8">
        <v>12</v>
      </c>
      <c r="L214" s="8">
        <v>93467488</v>
      </c>
      <c r="M214" s="8">
        <v>93516213</v>
      </c>
      <c r="N214" s="12">
        <v>1</v>
      </c>
      <c r="T214" s="25"/>
      <c r="U214" s="25"/>
    </row>
    <row r="215" spans="1:21" ht="99.75" x14ac:dyDescent="0.2">
      <c r="A215" s="8" t="s">
        <v>668</v>
      </c>
      <c r="B215" s="8">
        <v>0.43626439975180398</v>
      </c>
      <c r="C215" s="8">
        <v>6.2897191755921096</v>
      </c>
      <c r="D215" s="8">
        <v>10.6850677169659</v>
      </c>
      <c r="E215" s="9">
        <v>5.1326612669059497E-10</v>
      </c>
      <c r="F215" s="10">
        <v>2.8347646351011099E-9</v>
      </c>
      <c r="G215" s="8">
        <v>11.82492567439</v>
      </c>
      <c r="H215" s="8">
        <v>1729</v>
      </c>
      <c r="I215" s="8" t="s">
        <v>669</v>
      </c>
      <c r="J215" s="11" t="s">
        <v>670</v>
      </c>
      <c r="K215" s="8">
        <v>5</v>
      </c>
      <c r="L215" s="8">
        <v>141515016</v>
      </c>
      <c r="M215" s="8">
        <v>141619055</v>
      </c>
      <c r="N215" s="12">
        <v>-1</v>
      </c>
    </row>
    <row r="216" spans="1:21" ht="114" x14ac:dyDescent="0.2">
      <c r="A216" s="8" t="s">
        <v>671</v>
      </c>
      <c r="B216" s="8">
        <v>0.420448380177736</v>
      </c>
      <c r="C216" s="8">
        <v>7.3097674359156501</v>
      </c>
      <c r="D216" s="8">
        <v>10.6851569851754</v>
      </c>
      <c r="E216" s="9">
        <v>5.1318856137608398E-10</v>
      </c>
      <c r="F216" s="10">
        <v>2.8347646351011099E-9</v>
      </c>
      <c r="G216" s="8">
        <v>11.7518366740393</v>
      </c>
      <c r="H216" s="8">
        <v>8899</v>
      </c>
      <c r="I216" s="8" t="s">
        <v>672</v>
      </c>
      <c r="J216" s="11" t="s">
        <v>673</v>
      </c>
      <c r="K216" s="8">
        <v>6</v>
      </c>
      <c r="L216" s="8">
        <v>4021267</v>
      </c>
      <c r="M216" s="8">
        <v>4064983</v>
      </c>
      <c r="N216" s="12">
        <v>1</v>
      </c>
    </row>
    <row r="217" spans="1:21" ht="114" x14ac:dyDescent="0.2">
      <c r="A217" s="8" t="s">
        <v>674</v>
      </c>
      <c r="B217" s="8">
        <v>0.55402060303095402</v>
      </c>
      <c r="C217" s="8">
        <v>5.2258934692546104</v>
      </c>
      <c r="D217" s="8">
        <v>10.6625532915038</v>
      </c>
      <c r="E217" s="9">
        <v>5.3322316509878199E-10</v>
      </c>
      <c r="F217" s="10">
        <v>2.93388692492885E-9</v>
      </c>
      <c r="G217" s="8">
        <v>11.930126197504601</v>
      </c>
      <c r="H217" s="8">
        <v>54680</v>
      </c>
      <c r="I217" s="8" t="s">
        <v>675</v>
      </c>
      <c r="J217" s="11" t="s">
        <v>676</v>
      </c>
      <c r="K217" s="8">
        <v>1</v>
      </c>
      <c r="L217" s="8">
        <v>85649423</v>
      </c>
      <c r="M217" s="8">
        <v>85708433</v>
      </c>
      <c r="N217" s="12">
        <v>-1</v>
      </c>
      <c r="T217" s="25"/>
      <c r="U217" s="25"/>
    </row>
    <row r="218" spans="1:21" ht="142.5" x14ac:dyDescent="0.2">
      <c r="A218" s="8" t="s">
        <v>677</v>
      </c>
      <c r="B218" s="8">
        <v>0.52008638149807596</v>
      </c>
      <c r="C218" s="8">
        <v>4.5456259863441204</v>
      </c>
      <c r="D218" s="8">
        <v>10.6313945092146</v>
      </c>
      <c r="E218" s="9">
        <v>5.6218140457784503E-10</v>
      </c>
      <c r="F218" s="10">
        <v>3.0798257836817999E-9</v>
      </c>
      <c r="G218" s="8">
        <v>12.012459369154</v>
      </c>
      <c r="H218" s="8">
        <v>63899</v>
      </c>
      <c r="I218" s="8" t="s">
        <v>678</v>
      </c>
      <c r="J218" s="11" t="s">
        <v>679</v>
      </c>
      <c r="K218" s="8">
        <v>3</v>
      </c>
      <c r="L218" s="8">
        <v>94062916</v>
      </c>
      <c r="M218" s="8">
        <v>94128545</v>
      </c>
      <c r="N218" s="12">
        <v>1</v>
      </c>
      <c r="T218" s="25"/>
      <c r="U218" s="25"/>
    </row>
    <row r="219" spans="1:21" ht="85.5" x14ac:dyDescent="0.2">
      <c r="A219" s="8" t="s">
        <v>680</v>
      </c>
      <c r="B219" s="8">
        <v>0.475553340483652</v>
      </c>
      <c r="C219" s="8">
        <v>5.5720280278320899</v>
      </c>
      <c r="D219" s="8">
        <v>10.6230264947758</v>
      </c>
      <c r="E219" s="9">
        <v>5.7023338531968999E-10</v>
      </c>
      <c r="F219" s="10">
        <v>3.1194346939209402E-9</v>
      </c>
      <c r="G219" s="8">
        <v>11.8036421207036</v>
      </c>
      <c r="H219" s="8" t="s">
        <v>681</v>
      </c>
      <c r="I219" s="8" t="s">
        <v>682</v>
      </c>
      <c r="J219" s="11" t="s">
        <v>683</v>
      </c>
      <c r="K219" s="8">
        <v>16</v>
      </c>
      <c r="L219" s="8">
        <v>15594386</v>
      </c>
      <c r="M219" s="8">
        <v>15643166</v>
      </c>
      <c r="N219" s="12">
        <v>-1</v>
      </c>
      <c r="T219" s="25"/>
      <c r="U219" s="25"/>
    </row>
    <row r="220" spans="1:21" ht="171" x14ac:dyDescent="0.2">
      <c r="A220" s="8" t="s">
        <v>684</v>
      </c>
      <c r="B220" s="8">
        <v>0.38086532264802597</v>
      </c>
      <c r="C220" s="8">
        <v>8.1191994516735502</v>
      </c>
      <c r="D220" s="8">
        <v>10.589877775676101</v>
      </c>
      <c r="E220" s="9">
        <v>6.0332602788567995E-10</v>
      </c>
      <c r="F220" s="10">
        <v>3.2853136387909698E-9</v>
      </c>
      <c r="G220" s="8">
        <v>11.5390040769759</v>
      </c>
      <c r="H220" s="8">
        <v>10657</v>
      </c>
      <c r="I220" s="8" t="s">
        <v>685</v>
      </c>
      <c r="J220" s="11" t="s">
        <v>686</v>
      </c>
      <c r="K220" s="8">
        <v>1</v>
      </c>
      <c r="L220" s="8">
        <v>32013829</v>
      </c>
      <c r="M220" s="8">
        <v>32060850</v>
      </c>
      <c r="N220" s="12">
        <v>1</v>
      </c>
      <c r="T220" s="25"/>
      <c r="U220" s="25"/>
    </row>
    <row r="221" spans="1:21" ht="114" x14ac:dyDescent="0.2">
      <c r="A221" s="8" t="s">
        <v>687</v>
      </c>
      <c r="B221" s="8">
        <v>-0.63531576813081803</v>
      </c>
      <c r="C221" s="8">
        <v>4.7308087463742998</v>
      </c>
      <c r="D221" s="8">
        <v>-10.5681976475027</v>
      </c>
      <c r="E221" s="9">
        <v>6.2604310544317103E-10</v>
      </c>
      <c r="F221" s="10">
        <v>3.39440571771287E-9</v>
      </c>
      <c r="G221" s="8">
        <v>11.8899156561287</v>
      </c>
      <c r="H221" s="8">
        <v>55621</v>
      </c>
      <c r="I221" s="8" t="s">
        <v>688</v>
      </c>
      <c r="J221" s="11" t="s">
        <v>689</v>
      </c>
      <c r="K221" s="8">
        <v>19</v>
      </c>
      <c r="L221" s="8">
        <v>13104902</v>
      </c>
      <c r="M221" s="8">
        <v>13117567</v>
      </c>
      <c r="N221" s="12">
        <v>-1</v>
      </c>
      <c r="T221" s="25"/>
      <c r="U221" s="25"/>
    </row>
    <row r="222" spans="1:21" ht="114" x14ac:dyDescent="0.2">
      <c r="A222" s="8" t="s">
        <v>690</v>
      </c>
      <c r="B222" s="8">
        <v>0.48367809232472297</v>
      </c>
      <c r="C222" s="8">
        <v>6.00202467395113</v>
      </c>
      <c r="D222" s="8">
        <v>10.562515600190499</v>
      </c>
      <c r="E222" s="9">
        <v>6.3214261453893895E-10</v>
      </c>
      <c r="F222" s="10">
        <v>3.4255198161351901E-9</v>
      </c>
      <c r="G222" s="8">
        <v>11.6391984248194</v>
      </c>
      <c r="H222" s="8">
        <v>25896</v>
      </c>
      <c r="I222" s="8" t="s">
        <v>691</v>
      </c>
      <c r="J222" s="11" t="s">
        <v>692</v>
      </c>
      <c r="K222" s="8">
        <v>1</v>
      </c>
      <c r="L222" s="8">
        <v>211940399</v>
      </c>
      <c r="M222" s="8">
        <v>212035542</v>
      </c>
      <c r="N222" s="12">
        <v>-1</v>
      </c>
      <c r="T222" s="25"/>
      <c r="U222" s="25"/>
    </row>
    <row r="223" spans="1:21" ht="114" x14ac:dyDescent="0.2">
      <c r="A223" s="8" t="s">
        <v>693</v>
      </c>
      <c r="B223" s="8">
        <v>-0.36007063496209901</v>
      </c>
      <c r="C223" s="8">
        <v>6.49875620569959</v>
      </c>
      <c r="D223" s="8">
        <v>-10.544618581270599</v>
      </c>
      <c r="E223" s="9">
        <v>6.5176108297697296E-10</v>
      </c>
      <c r="F223" s="10">
        <v>3.5208309374867798E-9</v>
      </c>
      <c r="G223" s="8">
        <v>11.565465938492199</v>
      </c>
      <c r="H223" s="8">
        <v>2962</v>
      </c>
      <c r="I223" s="8" t="s">
        <v>694</v>
      </c>
      <c r="J223" s="11" t="s">
        <v>695</v>
      </c>
      <c r="K223" s="8">
        <v>19</v>
      </c>
      <c r="L223" s="8">
        <v>6379569</v>
      </c>
      <c r="M223" s="8">
        <v>6393981</v>
      </c>
      <c r="N223" s="12">
        <v>-1</v>
      </c>
      <c r="T223" s="25"/>
      <c r="U223" s="25"/>
    </row>
    <row r="224" spans="1:21" ht="99.75" x14ac:dyDescent="0.2">
      <c r="A224" s="8" t="s">
        <v>696</v>
      </c>
      <c r="B224" s="8">
        <v>0.357178035917875</v>
      </c>
      <c r="C224" s="8">
        <v>8.0228290365404007</v>
      </c>
      <c r="D224" s="8">
        <v>10.5372626070163</v>
      </c>
      <c r="E224" s="9">
        <v>6.6000698825911104E-10</v>
      </c>
      <c r="F224" s="10">
        <v>3.56328666179037E-9</v>
      </c>
      <c r="G224" s="8">
        <v>11.4510883826838</v>
      </c>
      <c r="H224" s="8">
        <v>6128</v>
      </c>
      <c r="I224" s="8" t="s">
        <v>697</v>
      </c>
      <c r="J224" s="11" t="s">
        <v>698</v>
      </c>
      <c r="K224" s="8">
        <v>12</v>
      </c>
      <c r="L224" s="8">
        <v>112405190</v>
      </c>
      <c r="M224" s="8">
        <v>112418838</v>
      </c>
      <c r="N224" s="12">
        <v>-1</v>
      </c>
      <c r="T224" s="25"/>
      <c r="U224" s="25"/>
    </row>
    <row r="225" spans="1:21" ht="128.25" x14ac:dyDescent="0.2">
      <c r="A225" s="8" t="s">
        <v>699</v>
      </c>
      <c r="B225" s="8">
        <v>-1.1584434724702399</v>
      </c>
      <c r="C225" s="8">
        <v>2.8105165404857702</v>
      </c>
      <c r="D225" s="8">
        <v>-10.5353148042391</v>
      </c>
      <c r="E225" s="9">
        <v>6.6220852880163005E-10</v>
      </c>
      <c r="F225" s="10">
        <v>3.5731393946740199E-9</v>
      </c>
      <c r="G225" s="8">
        <v>12.332789854619399</v>
      </c>
      <c r="H225" s="8">
        <v>3434</v>
      </c>
      <c r="I225" s="8" t="s">
        <v>700</v>
      </c>
      <c r="J225" s="11" t="s">
        <v>701</v>
      </c>
      <c r="K225" s="8">
        <v>10</v>
      </c>
      <c r="L225" s="8">
        <v>89392546</v>
      </c>
      <c r="M225" s="8">
        <v>89406486</v>
      </c>
      <c r="N225" s="12">
        <v>1</v>
      </c>
      <c r="T225" s="25"/>
      <c r="U225" s="25"/>
    </row>
    <row r="226" spans="1:21" ht="142.5" x14ac:dyDescent="0.2">
      <c r="A226" s="8" t="s">
        <v>702</v>
      </c>
      <c r="B226" s="8">
        <v>0.61381079210048695</v>
      </c>
      <c r="C226" s="8">
        <v>4.6108815595895596</v>
      </c>
      <c r="D226" s="8">
        <v>10.490108813781401</v>
      </c>
      <c r="E226" s="9">
        <v>7.1550428134972601E-10</v>
      </c>
      <c r="F226" s="10">
        <v>3.8345452547793701E-9</v>
      </c>
      <c r="G226" s="8">
        <v>11.7482238248489</v>
      </c>
      <c r="H226" s="8">
        <v>91801</v>
      </c>
      <c r="I226" s="8" t="s">
        <v>703</v>
      </c>
      <c r="J226" s="11" t="s">
        <v>704</v>
      </c>
      <c r="K226" s="8">
        <v>11</v>
      </c>
      <c r="L226" s="8">
        <v>107502726</v>
      </c>
      <c r="M226" s="8">
        <v>107565746</v>
      </c>
      <c r="N226" s="12">
        <v>-1</v>
      </c>
      <c r="T226" s="25"/>
      <c r="U226" s="25"/>
    </row>
    <row r="227" spans="1:21" ht="114" x14ac:dyDescent="0.2">
      <c r="A227" s="8" t="s">
        <v>705</v>
      </c>
      <c r="B227" s="8">
        <v>0.35734596284285802</v>
      </c>
      <c r="C227" s="8">
        <v>8.4166018628062904</v>
      </c>
      <c r="D227" s="8">
        <v>10.4705071663635</v>
      </c>
      <c r="E227" s="9">
        <v>7.3998034570769101E-10</v>
      </c>
      <c r="F227" s="10">
        <v>3.9545499916910296E-9</v>
      </c>
      <c r="G227" s="8">
        <v>11.3119182477727</v>
      </c>
      <c r="H227" s="8">
        <v>292</v>
      </c>
      <c r="I227" s="8" t="s">
        <v>706</v>
      </c>
      <c r="J227" s="11" t="s">
        <v>707</v>
      </c>
      <c r="K227" s="8" t="s">
        <v>108</v>
      </c>
      <c r="L227" s="8">
        <v>119468400</v>
      </c>
      <c r="M227" s="8">
        <v>119471319</v>
      </c>
      <c r="N227" s="12">
        <v>1</v>
      </c>
      <c r="T227" s="25"/>
      <c r="U227" s="25"/>
    </row>
    <row r="228" spans="1:21" ht="114" x14ac:dyDescent="0.2">
      <c r="A228" s="8" t="s">
        <v>708</v>
      </c>
      <c r="B228" s="8">
        <v>0.38533661325072399</v>
      </c>
      <c r="C228" s="8">
        <v>6.1627310025867601</v>
      </c>
      <c r="D228" s="8">
        <v>10.4328639324583</v>
      </c>
      <c r="E228" s="9">
        <v>7.8945339296393496E-10</v>
      </c>
      <c r="F228" s="10">
        <v>4.1964865653435804E-9</v>
      </c>
      <c r="G228" s="8">
        <v>11.3912089261016</v>
      </c>
      <c r="H228" s="8">
        <v>6433</v>
      </c>
      <c r="I228" s="8" t="s">
        <v>709</v>
      </c>
      <c r="J228" s="11" t="s">
        <v>710</v>
      </c>
      <c r="K228" s="8">
        <v>12</v>
      </c>
      <c r="L228" s="8">
        <v>131711081</v>
      </c>
      <c r="M228" s="8">
        <v>131799737</v>
      </c>
      <c r="N228" s="12">
        <v>1</v>
      </c>
      <c r="T228" s="25"/>
      <c r="U228" s="25"/>
    </row>
    <row r="229" spans="1:21" ht="114" x14ac:dyDescent="0.2">
      <c r="A229" s="8" t="s">
        <v>711</v>
      </c>
      <c r="B229" s="8">
        <v>0.37113129592098898</v>
      </c>
      <c r="C229" s="8">
        <v>9.2758219251000007</v>
      </c>
      <c r="D229" s="8">
        <v>10.3961037516562</v>
      </c>
      <c r="E229" s="9">
        <v>8.4108711814221803E-10</v>
      </c>
      <c r="F229" s="10">
        <v>4.4522483238451501E-9</v>
      </c>
      <c r="G229" s="8">
        <v>11.140791044739499</v>
      </c>
      <c r="H229" s="8" t="s">
        <v>712</v>
      </c>
      <c r="I229" s="8" t="s">
        <v>713</v>
      </c>
      <c r="J229" s="11" t="s">
        <v>714</v>
      </c>
      <c r="K229" s="8">
        <v>9</v>
      </c>
      <c r="L229" s="8">
        <v>83968083</v>
      </c>
      <c r="M229" s="8">
        <v>83980616</v>
      </c>
      <c r="N229" s="12">
        <v>-1</v>
      </c>
      <c r="T229" s="25"/>
      <c r="U229" s="25"/>
    </row>
    <row r="230" spans="1:21" ht="114" x14ac:dyDescent="0.2">
      <c r="A230" s="8" t="s">
        <v>715</v>
      </c>
      <c r="B230" s="8">
        <v>0.39539372395174499</v>
      </c>
      <c r="C230" s="8">
        <v>5.9774556796647298</v>
      </c>
      <c r="D230" s="8">
        <v>10.323576769751099</v>
      </c>
      <c r="E230" s="9">
        <v>9.5350487568179407E-10</v>
      </c>
      <c r="F230" s="10">
        <v>4.9971449947013001E-9</v>
      </c>
      <c r="G230" s="8">
        <v>11.2160485232874</v>
      </c>
      <c r="H230" s="8">
        <v>24144</v>
      </c>
      <c r="I230" s="8" t="s">
        <v>716</v>
      </c>
      <c r="J230" s="11" t="s">
        <v>717</v>
      </c>
      <c r="K230" s="8">
        <v>22</v>
      </c>
      <c r="L230" s="8">
        <v>26491225</v>
      </c>
      <c r="M230" s="8">
        <v>26512505</v>
      </c>
      <c r="N230" s="12">
        <v>-1</v>
      </c>
      <c r="T230" s="25"/>
      <c r="U230" s="25"/>
    </row>
    <row r="231" spans="1:21" ht="114" x14ac:dyDescent="0.2">
      <c r="A231" s="8" t="s">
        <v>718</v>
      </c>
      <c r="B231" s="8">
        <v>-0.35641187621417803</v>
      </c>
      <c r="C231" s="8">
        <v>7.5620175149325704</v>
      </c>
      <c r="D231" s="8">
        <v>-10.305632666408799</v>
      </c>
      <c r="E231" s="9">
        <v>9.8365509207771696E-10</v>
      </c>
      <c r="F231" s="10">
        <v>5.1437924172937001E-9</v>
      </c>
      <c r="G231" s="8">
        <v>11.066606402603099</v>
      </c>
      <c r="H231" s="8">
        <v>11168</v>
      </c>
      <c r="I231" s="8" t="s">
        <v>719</v>
      </c>
      <c r="J231" s="11" t="s">
        <v>720</v>
      </c>
      <c r="K231" s="8">
        <v>9</v>
      </c>
      <c r="L231" s="8">
        <v>15464066</v>
      </c>
      <c r="M231" s="8">
        <v>15511019</v>
      </c>
      <c r="N231" s="12">
        <v>-1</v>
      </c>
      <c r="T231" s="25"/>
      <c r="U231" s="25"/>
    </row>
    <row r="232" spans="1:21" ht="142.5" x14ac:dyDescent="0.2">
      <c r="A232" s="8" t="s">
        <v>721</v>
      </c>
      <c r="B232" s="8">
        <v>0.44535592254294398</v>
      </c>
      <c r="C232" s="8">
        <v>7.3117826278142202</v>
      </c>
      <c r="D232" s="8">
        <v>10.2814436740906</v>
      </c>
      <c r="E232" s="9">
        <v>1.0258725512335199E-9</v>
      </c>
      <c r="F232" s="10">
        <v>5.3454100507299398E-9</v>
      </c>
      <c r="G232" s="8">
        <v>11.033216357369801</v>
      </c>
      <c r="H232" s="8">
        <v>7343</v>
      </c>
      <c r="I232" s="8" t="s">
        <v>722</v>
      </c>
      <c r="J232" s="11" t="s">
        <v>723</v>
      </c>
      <c r="K232" s="8">
        <v>17</v>
      </c>
      <c r="L232" s="8">
        <v>44205033</v>
      </c>
      <c r="M232" s="8">
        <v>44221626</v>
      </c>
      <c r="N232" s="12">
        <v>-1</v>
      </c>
      <c r="T232" s="25"/>
      <c r="U232" s="25"/>
    </row>
    <row r="233" spans="1:21" ht="99.75" x14ac:dyDescent="0.2">
      <c r="A233" s="8" t="s">
        <v>724</v>
      </c>
      <c r="B233" s="8">
        <v>0.38406166381360901</v>
      </c>
      <c r="C233" s="8">
        <v>9.08728199422373</v>
      </c>
      <c r="D233" s="8">
        <v>10.273670792971201</v>
      </c>
      <c r="E233" s="9">
        <v>1.03983456942837E-9</v>
      </c>
      <c r="F233" s="10">
        <v>5.40924907457296E-9</v>
      </c>
      <c r="G233" s="8">
        <v>10.9283327234049</v>
      </c>
      <c r="H233" s="8">
        <v>9349</v>
      </c>
      <c r="I233" s="8" t="s">
        <v>725</v>
      </c>
      <c r="J233" s="11" t="s">
        <v>726</v>
      </c>
      <c r="K233" s="8">
        <v>17</v>
      </c>
      <c r="L233" s="8">
        <v>38847865</v>
      </c>
      <c r="M233" s="8">
        <v>38853843</v>
      </c>
      <c r="N233" s="12">
        <v>-1</v>
      </c>
      <c r="T233" s="25"/>
      <c r="U233" s="25"/>
    </row>
    <row r="234" spans="1:21" ht="85.5" x14ac:dyDescent="0.2">
      <c r="A234" s="8" t="s">
        <v>727</v>
      </c>
      <c r="B234" s="8">
        <v>0.39741890732555901</v>
      </c>
      <c r="C234" s="8">
        <v>8.3837815446406001</v>
      </c>
      <c r="D234" s="8">
        <v>10.2427491326336</v>
      </c>
      <c r="E234" s="9">
        <v>1.09736042952159E-9</v>
      </c>
      <c r="F234" s="10">
        <v>5.6789225173251301E-9</v>
      </c>
      <c r="G234" s="8">
        <v>10.904749332858501</v>
      </c>
      <c r="H234" s="8">
        <v>5478</v>
      </c>
      <c r="I234" s="8" t="s">
        <v>728</v>
      </c>
      <c r="J234" s="11" t="s">
        <v>729</v>
      </c>
      <c r="K234" s="8">
        <v>7</v>
      </c>
      <c r="L234" s="8">
        <v>44796680</v>
      </c>
      <c r="M234" s="8">
        <v>44824564</v>
      </c>
      <c r="N234" s="12">
        <v>1</v>
      </c>
      <c r="T234" s="25"/>
      <c r="U234" s="25"/>
    </row>
    <row r="235" spans="1:21" ht="142.5" x14ac:dyDescent="0.2">
      <c r="A235" s="8" t="s">
        <v>730</v>
      </c>
      <c r="B235" s="8">
        <v>0.38924665545928</v>
      </c>
      <c r="C235" s="8">
        <v>7.7270042044458904</v>
      </c>
      <c r="D235" s="8">
        <v>10.2280912029735</v>
      </c>
      <c r="E235" s="9">
        <v>1.12577441393909E-9</v>
      </c>
      <c r="F235" s="10">
        <v>5.8164500553558904E-9</v>
      </c>
      <c r="G235" s="8">
        <v>10.913353785210001</v>
      </c>
      <c r="H235" s="8">
        <v>10480</v>
      </c>
      <c r="I235" s="8" t="s">
        <v>731</v>
      </c>
      <c r="J235" s="11" t="s">
        <v>732</v>
      </c>
      <c r="K235" s="8">
        <v>11</v>
      </c>
      <c r="L235" s="8">
        <v>32583798</v>
      </c>
      <c r="M235" s="8">
        <v>32606262</v>
      </c>
      <c r="N235" s="12">
        <v>1</v>
      </c>
      <c r="T235" s="25"/>
      <c r="U235" s="25"/>
    </row>
    <row r="236" spans="1:21" ht="99.75" x14ac:dyDescent="0.2">
      <c r="A236" s="8" t="s">
        <v>733</v>
      </c>
      <c r="B236" s="8">
        <v>0.341634567358168</v>
      </c>
      <c r="C236" s="8">
        <v>7.5390655840519303</v>
      </c>
      <c r="D236" s="8">
        <v>10.2261254197153</v>
      </c>
      <c r="E236" s="9">
        <v>1.12964270252981E-9</v>
      </c>
      <c r="F236" s="10">
        <v>5.8332597458253502E-9</v>
      </c>
      <c r="G236" s="8">
        <v>10.9205766474496</v>
      </c>
      <c r="H236" s="8">
        <v>6146</v>
      </c>
      <c r="I236" s="8" t="s">
        <v>734</v>
      </c>
      <c r="J236" s="11" t="s">
        <v>735</v>
      </c>
      <c r="K236" s="8">
        <v>1</v>
      </c>
      <c r="L236" s="8">
        <v>6181269</v>
      </c>
      <c r="M236" s="8">
        <v>6209389</v>
      </c>
      <c r="N236" s="12">
        <v>-1</v>
      </c>
      <c r="T236" s="25"/>
      <c r="U236" s="25"/>
    </row>
    <row r="237" spans="1:21" ht="99.75" x14ac:dyDescent="0.2">
      <c r="A237" s="8" t="s">
        <v>736</v>
      </c>
      <c r="B237" s="8">
        <v>0.34635264190408899</v>
      </c>
      <c r="C237" s="8">
        <v>7.7609693591409501</v>
      </c>
      <c r="D237" s="8">
        <v>10.2109695940498</v>
      </c>
      <c r="E237" s="9">
        <v>1.15993365176057E-9</v>
      </c>
      <c r="F237" s="10">
        <v>5.97666600854204E-9</v>
      </c>
      <c r="G237" s="8">
        <v>10.880651298490401</v>
      </c>
      <c r="H237" s="8">
        <v>689</v>
      </c>
      <c r="I237" s="8" t="s">
        <v>737</v>
      </c>
      <c r="J237" s="11" t="s">
        <v>738</v>
      </c>
      <c r="K237" s="8">
        <v>5</v>
      </c>
      <c r="L237" s="8">
        <v>73498408</v>
      </c>
      <c r="M237" s="8">
        <v>73505635</v>
      </c>
      <c r="N237" s="12">
        <v>1</v>
      </c>
      <c r="T237" s="25"/>
      <c r="U237" s="25"/>
    </row>
    <row r="238" spans="1:21" ht="114" x14ac:dyDescent="0.2">
      <c r="A238" s="8" t="s">
        <v>739</v>
      </c>
      <c r="B238" s="8">
        <v>0.35647216415913902</v>
      </c>
      <c r="C238" s="8">
        <v>7.4699667787749</v>
      </c>
      <c r="D238" s="8">
        <v>10.1777093134216</v>
      </c>
      <c r="E238" s="9">
        <v>1.2294011868096099E-9</v>
      </c>
      <c r="F238" s="10">
        <v>6.3123231390925302E-9</v>
      </c>
      <c r="G238" s="8">
        <v>10.8367178237639</v>
      </c>
      <c r="H238" s="8">
        <v>9898</v>
      </c>
      <c r="I238" s="8" t="s">
        <v>740</v>
      </c>
      <c r="J238" s="11" t="s">
        <v>741</v>
      </c>
      <c r="K238" s="8">
        <v>1</v>
      </c>
      <c r="L238" s="8">
        <v>154220179</v>
      </c>
      <c r="M238" s="8">
        <v>154271510</v>
      </c>
      <c r="N238" s="12">
        <v>1</v>
      </c>
      <c r="T238" s="25"/>
      <c r="U238" s="25"/>
    </row>
    <row r="239" spans="1:21" ht="99.75" x14ac:dyDescent="0.2">
      <c r="A239" s="8" t="s">
        <v>742</v>
      </c>
      <c r="B239" s="8">
        <v>-0.59857987470624396</v>
      </c>
      <c r="C239" s="8">
        <v>6.1882663490753096</v>
      </c>
      <c r="D239" s="8">
        <v>-10.078374400400399</v>
      </c>
      <c r="E239" s="9">
        <v>1.4637589666043699E-9</v>
      </c>
      <c r="F239" s="10">
        <v>7.4172907634849403E-9</v>
      </c>
      <c r="G239" s="8">
        <v>10.7625279262228</v>
      </c>
      <c r="H239" s="8">
        <v>2288</v>
      </c>
      <c r="I239" s="8" t="s">
        <v>743</v>
      </c>
      <c r="J239" s="11" t="s">
        <v>744</v>
      </c>
      <c r="K239" s="8">
        <v>12</v>
      </c>
      <c r="L239" s="8">
        <v>2794953</v>
      </c>
      <c r="M239" s="8">
        <v>2805423</v>
      </c>
      <c r="N239" s="12">
        <v>1</v>
      </c>
    </row>
    <row r="240" spans="1:21" ht="142.5" x14ac:dyDescent="0.2">
      <c r="A240" s="8" t="s">
        <v>745</v>
      </c>
      <c r="B240" s="8">
        <v>1.0429965255608</v>
      </c>
      <c r="C240" s="8">
        <v>2.4009190841904502</v>
      </c>
      <c r="D240" s="8">
        <v>10.071729470608901</v>
      </c>
      <c r="E240" s="9">
        <v>1.4810046602182401E-9</v>
      </c>
      <c r="F240" s="10">
        <v>7.4976238880454001E-9</v>
      </c>
      <c r="G240" s="8">
        <v>11.545354202514</v>
      </c>
      <c r="H240" s="8"/>
      <c r="I240" s="8" t="s">
        <v>746</v>
      </c>
      <c r="J240" s="11" t="s">
        <v>747</v>
      </c>
      <c r="K240" s="8">
        <v>20</v>
      </c>
      <c r="L240" s="8">
        <v>30377372</v>
      </c>
      <c r="M240" s="8">
        <v>30399257</v>
      </c>
      <c r="N240" s="12">
        <v>1</v>
      </c>
      <c r="T240" s="25"/>
      <c r="U240" s="25"/>
    </row>
    <row r="241" spans="1:21" ht="128.25" x14ac:dyDescent="0.2">
      <c r="A241" s="8" t="s">
        <v>748</v>
      </c>
      <c r="B241" s="8">
        <v>0.36979880243917401</v>
      </c>
      <c r="C241" s="8">
        <v>8.9181096830052091</v>
      </c>
      <c r="D241" s="8">
        <v>10.044021638182899</v>
      </c>
      <c r="E241" s="9">
        <v>1.55521958631994E-9</v>
      </c>
      <c r="F241" s="10">
        <v>7.8472220392431394E-9</v>
      </c>
      <c r="G241" s="8">
        <v>10.518113012919001</v>
      </c>
      <c r="H241" s="8">
        <v>6428</v>
      </c>
      <c r="I241" s="8" t="s">
        <v>749</v>
      </c>
      <c r="J241" s="11" t="s">
        <v>750</v>
      </c>
      <c r="K241" s="8">
        <v>6</v>
      </c>
      <c r="L241" s="8">
        <v>36594353</v>
      </c>
      <c r="M241" s="8">
        <v>36605600</v>
      </c>
      <c r="N241" s="12">
        <v>1</v>
      </c>
      <c r="T241" s="25"/>
      <c r="U241" s="25"/>
    </row>
    <row r="242" spans="1:21" ht="114" x14ac:dyDescent="0.2">
      <c r="A242" s="8" t="s">
        <v>751</v>
      </c>
      <c r="B242" s="8">
        <v>0.466753300080402</v>
      </c>
      <c r="C242" s="8">
        <v>5.5543806793475801</v>
      </c>
      <c r="D242" s="8">
        <v>10.0188626482713</v>
      </c>
      <c r="E242" s="9">
        <v>1.6259513355712001E-9</v>
      </c>
      <c r="F242" s="10">
        <v>8.1628779087657694E-9</v>
      </c>
      <c r="G242" s="8">
        <v>10.7203341615037</v>
      </c>
      <c r="H242" s="8">
        <v>29088</v>
      </c>
      <c r="I242" s="8" t="s">
        <v>752</v>
      </c>
      <c r="J242" s="11" t="s">
        <v>753</v>
      </c>
      <c r="K242" s="8">
        <v>8</v>
      </c>
      <c r="L242" s="8">
        <v>54135210</v>
      </c>
      <c r="M242" s="8">
        <v>54147901</v>
      </c>
      <c r="N242" s="12">
        <v>1</v>
      </c>
      <c r="T242" s="25"/>
      <c r="U242" s="25"/>
    </row>
    <row r="243" spans="1:21" ht="85.5" x14ac:dyDescent="0.2">
      <c r="A243" s="8" t="s">
        <v>754</v>
      </c>
      <c r="B243" s="8">
        <v>0.326780269739258</v>
      </c>
      <c r="C243" s="8">
        <v>10.014237735573699</v>
      </c>
      <c r="D243" s="8">
        <v>10.004533044798301</v>
      </c>
      <c r="E243" s="9">
        <v>1.6677217060453801E-9</v>
      </c>
      <c r="F243" s="10">
        <v>8.3476979794596506E-9</v>
      </c>
      <c r="G243" s="8">
        <v>10.4036517195686</v>
      </c>
      <c r="H243" s="8">
        <v>10521</v>
      </c>
      <c r="I243" s="8" t="s">
        <v>755</v>
      </c>
      <c r="J243" s="11" t="s">
        <v>756</v>
      </c>
      <c r="K243" s="8">
        <v>22</v>
      </c>
      <c r="L243" s="8">
        <v>38483440</v>
      </c>
      <c r="M243" s="8">
        <v>38507660</v>
      </c>
      <c r="N243" s="12">
        <v>-1</v>
      </c>
      <c r="T243" s="25"/>
      <c r="U243" s="25"/>
    </row>
    <row r="244" spans="1:21" ht="142.5" x14ac:dyDescent="0.2">
      <c r="A244" s="8" t="s">
        <v>757</v>
      </c>
      <c r="B244" s="8">
        <v>0.51932888181201098</v>
      </c>
      <c r="C244" s="8">
        <v>4.6719940882536797</v>
      </c>
      <c r="D244" s="8">
        <v>9.9523769725970492</v>
      </c>
      <c r="E244" s="9">
        <v>1.8293975153550899E-9</v>
      </c>
      <c r="F244" s="10">
        <v>9.0690900336712394E-9</v>
      </c>
      <c r="G244" s="8">
        <v>10.762663633843299</v>
      </c>
      <c r="H244" s="8">
        <v>391356</v>
      </c>
      <c r="I244" s="8" t="s">
        <v>758</v>
      </c>
      <c r="J244" s="11" t="s">
        <v>759</v>
      </c>
      <c r="K244" s="8">
        <v>2</v>
      </c>
      <c r="L244" s="8">
        <v>24789734</v>
      </c>
      <c r="M244" s="8">
        <v>24793382</v>
      </c>
      <c r="N244" s="12">
        <v>-1</v>
      </c>
      <c r="T244" s="25"/>
      <c r="U244" s="25"/>
    </row>
    <row r="245" spans="1:21" ht="99.75" x14ac:dyDescent="0.2">
      <c r="A245" s="8" t="s">
        <v>760</v>
      </c>
      <c r="B245" s="8">
        <v>0.35269242014005903</v>
      </c>
      <c r="C245" s="8">
        <v>6.9411890610545601</v>
      </c>
      <c r="D245" s="8">
        <v>9.9496502614490794</v>
      </c>
      <c r="E245" s="9">
        <v>1.83828469276762E-9</v>
      </c>
      <c r="F245" s="10">
        <v>9.1083886722326497E-9</v>
      </c>
      <c r="G245" s="8">
        <v>10.4517148028589</v>
      </c>
      <c r="H245" s="8">
        <v>6201</v>
      </c>
      <c r="I245" s="8" t="s">
        <v>761</v>
      </c>
      <c r="J245" s="11" t="s">
        <v>762</v>
      </c>
      <c r="K245" s="8">
        <v>2</v>
      </c>
      <c r="L245" s="8">
        <v>3575205</v>
      </c>
      <c r="M245" s="8">
        <v>3580919</v>
      </c>
      <c r="N245" s="12">
        <v>1</v>
      </c>
      <c r="T245" s="25"/>
      <c r="U245" s="25"/>
    </row>
    <row r="246" spans="1:21" ht="128.25" x14ac:dyDescent="0.2">
      <c r="A246" s="8" t="s">
        <v>763</v>
      </c>
      <c r="B246" s="8">
        <v>0.33354825547892603</v>
      </c>
      <c r="C246" s="8">
        <v>7.31773529904771</v>
      </c>
      <c r="D246" s="8">
        <v>9.9424146924141805</v>
      </c>
      <c r="E246" s="9">
        <v>1.86208540953928E-9</v>
      </c>
      <c r="F246" s="10">
        <v>9.2070856740039006E-9</v>
      </c>
      <c r="G246" s="8">
        <v>10.415312421948901</v>
      </c>
      <c r="H246" s="8">
        <v>54542</v>
      </c>
      <c r="I246" s="8" t="s">
        <v>764</v>
      </c>
      <c r="J246" s="11" t="s">
        <v>765</v>
      </c>
      <c r="K246" s="8">
        <v>9</v>
      </c>
      <c r="L246" s="8">
        <v>122844556</v>
      </c>
      <c r="M246" s="8">
        <v>122905341</v>
      </c>
      <c r="N246" s="12">
        <v>-1</v>
      </c>
      <c r="T246" s="25"/>
      <c r="U246" s="25"/>
    </row>
    <row r="247" spans="1:21" ht="99.75" x14ac:dyDescent="0.2">
      <c r="A247" s="8" t="s">
        <v>766</v>
      </c>
      <c r="B247" s="8">
        <v>0.35398179005274999</v>
      </c>
      <c r="C247" s="8">
        <v>8.4806685948129008</v>
      </c>
      <c r="D247" s="8">
        <v>9.9050180081414503</v>
      </c>
      <c r="E247" s="9">
        <v>1.99029691182786E-9</v>
      </c>
      <c r="F247" s="10">
        <v>9.7900115333740898E-9</v>
      </c>
      <c r="G247" s="8">
        <v>10.2828148134858</v>
      </c>
      <c r="H247" s="8">
        <v>6165</v>
      </c>
      <c r="I247" s="8" t="s">
        <v>767</v>
      </c>
      <c r="J247" s="11" t="s">
        <v>768</v>
      </c>
      <c r="K247" s="8">
        <v>3</v>
      </c>
      <c r="L247" s="8">
        <v>197949987</v>
      </c>
      <c r="M247" s="8">
        <v>197956610</v>
      </c>
      <c r="N247" s="12">
        <v>1</v>
      </c>
      <c r="T247" s="25"/>
      <c r="U247" s="25"/>
    </row>
    <row r="248" spans="1:21" ht="99.75" x14ac:dyDescent="0.2">
      <c r="A248" s="8" t="s">
        <v>769</v>
      </c>
      <c r="B248" s="8">
        <v>0.32569626978273702</v>
      </c>
      <c r="C248" s="8">
        <v>8.6390087818613299</v>
      </c>
      <c r="D248" s="8">
        <v>9.8759709195660594</v>
      </c>
      <c r="E248" s="9">
        <v>2.0961839529460101E-9</v>
      </c>
      <c r="F248" s="10">
        <v>1.02629728779815E-8</v>
      </c>
      <c r="G248" s="8">
        <v>10.2214937218377</v>
      </c>
      <c r="H248" s="8">
        <v>6224</v>
      </c>
      <c r="I248" s="8" t="s">
        <v>770</v>
      </c>
      <c r="J248" s="11" t="s">
        <v>771</v>
      </c>
      <c r="K248" s="8">
        <v>8</v>
      </c>
      <c r="L248" s="8">
        <v>56067295</v>
      </c>
      <c r="M248" s="8">
        <v>56074581</v>
      </c>
      <c r="N248" s="12">
        <v>-1</v>
      </c>
      <c r="T248" s="25"/>
      <c r="U248" s="25"/>
    </row>
    <row r="249" spans="1:21" ht="142.5" x14ac:dyDescent="0.2">
      <c r="A249" s="8" t="s">
        <v>772</v>
      </c>
      <c r="B249" s="8">
        <v>0.60346317773957603</v>
      </c>
      <c r="C249" s="8">
        <v>4.1043366427693799</v>
      </c>
      <c r="D249" s="8">
        <v>9.8703811244857196</v>
      </c>
      <c r="E249" s="9">
        <v>2.1172225013642101E-9</v>
      </c>
      <c r="F249" s="10">
        <v>1.03526233981934E-8</v>
      </c>
      <c r="G249" s="8">
        <v>10.742738810461899</v>
      </c>
      <c r="H249" s="8">
        <v>64779</v>
      </c>
      <c r="I249" s="8" t="s">
        <v>773</v>
      </c>
      <c r="J249" s="11" t="s">
        <v>774</v>
      </c>
      <c r="K249" s="8">
        <v>16</v>
      </c>
      <c r="L249" s="8">
        <v>86530176</v>
      </c>
      <c r="M249" s="8">
        <v>86555235</v>
      </c>
      <c r="N249" s="12">
        <v>-1</v>
      </c>
      <c r="T249" s="25"/>
      <c r="U249" s="25"/>
    </row>
    <row r="250" spans="1:21" ht="99.75" x14ac:dyDescent="0.2">
      <c r="A250" s="8" t="s">
        <v>775</v>
      </c>
      <c r="B250" s="8">
        <v>0.34049603150338398</v>
      </c>
      <c r="C250" s="8">
        <v>7.4955530354689897</v>
      </c>
      <c r="D250" s="8">
        <v>9.8550469842934696</v>
      </c>
      <c r="E250" s="9">
        <v>2.17606839820456E-9</v>
      </c>
      <c r="F250" s="10">
        <v>1.0621206273849799E-8</v>
      </c>
      <c r="G250" s="8">
        <v>10.2434801994706</v>
      </c>
      <c r="H250" s="8">
        <v>57062</v>
      </c>
      <c r="I250" s="8" t="s">
        <v>776</v>
      </c>
      <c r="J250" s="11" t="s">
        <v>777</v>
      </c>
      <c r="K250" s="8">
        <v>14</v>
      </c>
      <c r="L250" s="8">
        <v>94048291</v>
      </c>
      <c r="M250" s="8">
        <v>94081245</v>
      </c>
      <c r="N250" s="12">
        <v>-1</v>
      </c>
      <c r="T250" s="25"/>
      <c r="U250" s="25"/>
    </row>
    <row r="251" spans="1:21" ht="142.5" x14ac:dyDescent="0.2">
      <c r="A251" s="8" t="s">
        <v>778</v>
      </c>
      <c r="B251" s="8">
        <v>0.39905066555598601</v>
      </c>
      <c r="C251" s="8">
        <v>6.9542311161405497</v>
      </c>
      <c r="D251" s="8">
        <v>9.8531911655606503</v>
      </c>
      <c r="E251" s="9">
        <v>2.1833044580356902E-9</v>
      </c>
      <c r="F251" s="10">
        <v>1.0645572636213599E-8</v>
      </c>
      <c r="G251" s="8">
        <v>10.2724656083005</v>
      </c>
      <c r="H251" s="8">
        <v>113251</v>
      </c>
      <c r="I251" s="8" t="s">
        <v>779</v>
      </c>
      <c r="J251" s="11" t="s">
        <v>780</v>
      </c>
      <c r="K251" s="8">
        <v>12</v>
      </c>
      <c r="L251" s="8">
        <v>50392383</v>
      </c>
      <c r="M251" s="8">
        <v>50480004</v>
      </c>
      <c r="N251" s="12">
        <v>1</v>
      </c>
      <c r="T251" s="25"/>
      <c r="U251" s="25"/>
    </row>
    <row r="252" spans="1:21" ht="85.5" x14ac:dyDescent="0.2">
      <c r="A252" s="8" t="s">
        <v>781</v>
      </c>
      <c r="B252" s="8">
        <v>0.34148242118167399</v>
      </c>
      <c r="C252" s="8">
        <v>9.6521233404140201</v>
      </c>
      <c r="D252" s="8">
        <v>9.8499983334523407</v>
      </c>
      <c r="E252" s="9">
        <v>2.19581216317621E-9</v>
      </c>
      <c r="F252" s="10">
        <v>1.07038087389147E-8</v>
      </c>
      <c r="G252" s="8">
        <v>10.131560585540701</v>
      </c>
      <c r="H252" s="8">
        <v>1660</v>
      </c>
      <c r="I252" s="8" t="s">
        <v>782</v>
      </c>
      <c r="J252" s="11" t="s">
        <v>783</v>
      </c>
      <c r="K252" s="8">
        <v>1</v>
      </c>
      <c r="L252" s="8">
        <v>182839369</v>
      </c>
      <c r="M252" s="8">
        <v>182887751</v>
      </c>
      <c r="N252" s="12">
        <v>1</v>
      </c>
      <c r="T252" s="25"/>
      <c r="U252" s="25"/>
    </row>
    <row r="253" spans="1:21" ht="156.75" x14ac:dyDescent="0.2">
      <c r="A253" s="8" t="s">
        <v>784</v>
      </c>
      <c r="B253" s="8">
        <v>-0.41187727516962902</v>
      </c>
      <c r="C253" s="8">
        <v>6.5751347009892998</v>
      </c>
      <c r="D253" s="8">
        <v>-9.8262288042407295</v>
      </c>
      <c r="E253" s="9">
        <v>2.29129581474157E-9</v>
      </c>
      <c r="F253" s="10">
        <v>1.1109330780876501E-8</v>
      </c>
      <c r="G253" s="8">
        <v>10.2565828585692</v>
      </c>
      <c r="H253" s="8">
        <v>6626</v>
      </c>
      <c r="I253" s="8" t="s">
        <v>785</v>
      </c>
      <c r="J253" s="11" t="s">
        <v>786</v>
      </c>
      <c r="K253" s="8">
        <v>19</v>
      </c>
      <c r="L253" s="8">
        <v>40750637</v>
      </c>
      <c r="M253" s="8">
        <v>40765389</v>
      </c>
      <c r="N253" s="12">
        <v>1</v>
      </c>
      <c r="T253" s="25"/>
      <c r="U253" s="25"/>
    </row>
    <row r="254" spans="1:21" ht="114" x14ac:dyDescent="0.2">
      <c r="A254" s="8" t="s">
        <v>787</v>
      </c>
      <c r="B254" s="8">
        <v>0.43855731479214599</v>
      </c>
      <c r="C254" s="8">
        <v>5.9181047405732601</v>
      </c>
      <c r="D254" s="8">
        <v>9.8221410996222591</v>
      </c>
      <c r="E254" s="9">
        <v>2.3081455996148601E-9</v>
      </c>
      <c r="F254" s="10">
        <v>1.11796015936425E-8</v>
      </c>
      <c r="G254" s="8">
        <v>10.3071434124349</v>
      </c>
      <c r="H254" s="8">
        <v>60558</v>
      </c>
      <c r="I254" s="8" t="s">
        <v>788</v>
      </c>
      <c r="J254" s="11" t="s">
        <v>789</v>
      </c>
      <c r="K254" s="8">
        <v>4</v>
      </c>
      <c r="L254" s="8">
        <v>44678427</v>
      </c>
      <c r="M254" s="8">
        <v>44700926</v>
      </c>
      <c r="N254" s="12">
        <v>1</v>
      </c>
      <c r="T254" s="25"/>
      <c r="U254" s="25"/>
    </row>
    <row r="255" spans="1:21" ht="128.25" x14ac:dyDescent="0.2">
      <c r="A255" s="8" t="s">
        <v>790</v>
      </c>
      <c r="B255" s="8">
        <v>0.57337063328679905</v>
      </c>
      <c r="C255" s="8">
        <v>7.8233072118109899</v>
      </c>
      <c r="D255" s="8">
        <v>9.8096074531735198</v>
      </c>
      <c r="E255" s="9">
        <v>2.36061593308537E-9</v>
      </c>
      <c r="F255" s="10">
        <v>1.14075397408101E-8</v>
      </c>
      <c r="G255" s="8">
        <v>10.139803374409199</v>
      </c>
      <c r="H255" s="8">
        <v>131405</v>
      </c>
      <c r="I255" s="8" t="s">
        <v>791</v>
      </c>
      <c r="J255" s="11" t="s">
        <v>792</v>
      </c>
      <c r="K255" s="8">
        <v>3</v>
      </c>
      <c r="L255" s="8">
        <v>32818018</v>
      </c>
      <c r="M255" s="8">
        <v>32897826</v>
      </c>
      <c r="N255" s="12">
        <v>1</v>
      </c>
      <c r="T255" s="25"/>
      <c r="U255" s="25"/>
    </row>
    <row r="256" spans="1:21" ht="128.25" x14ac:dyDescent="0.2">
      <c r="A256" s="8" t="s">
        <v>793</v>
      </c>
      <c r="B256" s="8">
        <v>0.40935586829206599</v>
      </c>
      <c r="C256" s="8">
        <v>5.8992573733788403</v>
      </c>
      <c r="D256" s="8">
        <v>9.7997849957190297</v>
      </c>
      <c r="E256" s="9">
        <v>2.4026002137289598E-9</v>
      </c>
      <c r="F256" s="10">
        <v>1.1595662323482801E-8</v>
      </c>
      <c r="G256" s="8">
        <v>10.2679826545967</v>
      </c>
      <c r="H256" s="8">
        <v>85476</v>
      </c>
      <c r="I256" s="8" t="s">
        <v>794</v>
      </c>
      <c r="J256" s="11" t="s">
        <v>795</v>
      </c>
      <c r="K256" s="8">
        <v>3</v>
      </c>
      <c r="L256" s="8">
        <v>158644278</v>
      </c>
      <c r="M256" s="8">
        <v>158692575</v>
      </c>
      <c r="N256" s="12">
        <v>1</v>
      </c>
      <c r="T256" s="25"/>
      <c r="U256" s="25"/>
    </row>
    <row r="257" spans="1:21" ht="128.25" x14ac:dyDescent="0.2">
      <c r="A257" s="8" t="s">
        <v>796</v>
      </c>
      <c r="B257" s="8">
        <v>0.382682410624333</v>
      </c>
      <c r="C257" s="8">
        <v>6.7734645874614703</v>
      </c>
      <c r="D257" s="8">
        <v>9.7956690397729105</v>
      </c>
      <c r="E257" s="9">
        <v>2.4204226860092001E-9</v>
      </c>
      <c r="F257" s="10">
        <v>1.16757400387383E-8</v>
      </c>
      <c r="G257" s="8">
        <v>10.177814563280799</v>
      </c>
      <c r="H257" s="8" t="s">
        <v>797</v>
      </c>
      <c r="I257" s="8" t="s">
        <v>798</v>
      </c>
      <c r="J257" s="11" t="s">
        <v>799</v>
      </c>
      <c r="K257" s="8">
        <v>2</v>
      </c>
      <c r="L257" s="8">
        <v>160272151</v>
      </c>
      <c r="M257" s="8">
        <v>160493794</v>
      </c>
      <c r="N257" s="12">
        <v>-1</v>
      </c>
      <c r="T257" s="25"/>
      <c r="U257" s="25"/>
    </row>
    <row r="258" spans="1:21" ht="128.25" x14ac:dyDescent="0.2">
      <c r="A258" s="8" t="s">
        <v>800</v>
      </c>
      <c r="B258" s="8">
        <v>0.420994293624807</v>
      </c>
      <c r="C258" s="8">
        <v>6.5860596232185102</v>
      </c>
      <c r="D258" s="8">
        <v>9.7772652406784903</v>
      </c>
      <c r="E258" s="9">
        <v>2.5018062375044601E-9</v>
      </c>
      <c r="F258" s="10">
        <v>1.20316354614762E-8</v>
      </c>
      <c r="G258" s="8">
        <v>10.157330254182799</v>
      </c>
      <c r="H258" s="8">
        <v>11103</v>
      </c>
      <c r="I258" s="8" t="s">
        <v>801</v>
      </c>
      <c r="J258" s="11" t="s">
        <v>802</v>
      </c>
      <c r="K258" s="8">
        <v>12</v>
      </c>
      <c r="L258" s="8">
        <v>75490861</v>
      </c>
      <c r="M258" s="8">
        <v>75511636</v>
      </c>
      <c r="N258" s="12">
        <v>-1</v>
      </c>
      <c r="T258" s="25"/>
      <c r="U258" s="25"/>
    </row>
    <row r="259" spans="1:21" ht="99.75" x14ac:dyDescent="0.2">
      <c r="A259" s="8" t="s">
        <v>803</v>
      </c>
      <c r="B259" s="8">
        <v>0.28644574859002397</v>
      </c>
      <c r="C259" s="8">
        <v>8.6112406912034594</v>
      </c>
      <c r="D259" s="8">
        <v>9.7706141682507894</v>
      </c>
      <c r="E259" s="9">
        <v>2.53191175962465E-9</v>
      </c>
      <c r="F259" s="10">
        <v>1.21640732816195E-8</v>
      </c>
      <c r="G259" s="8">
        <v>10.0272408036088</v>
      </c>
      <c r="H259" s="8">
        <v>103</v>
      </c>
      <c r="I259" s="8" t="s">
        <v>804</v>
      </c>
      <c r="J259" s="11" t="s">
        <v>805</v>
      </c>
      <c r="K259" s="8">
        <v>1</v>
      </c>
      <c r="L259" s="8">
        <v>154582062</v>
      </c>
      <c r="M259" s="8">
        <v>154627999</v>
      </c>
      <c r="N259" s="12">
        <v>-1</v>
      </c>
      <c r="T259" s="25"/>
      <c r="U259" s="25"/>
    </row>
    <row r="260" spans="1:21" ht="114" x14ac:dyDescent="0.2">
      <c r="A260" s="8" t="s">
        <v>806</v>
      </c>
      <c r="B260" s="8">
        <v>0.71738850946817501</v>
      </c>
      <c r="C260" s="8">
        <v>4.0953257233177602</v>
      </c>
      <c r="D260" s="8">
        <v>9.7583354591630798</v>
      </c>
      <c r="E260" s="9">
        <v>2.5884814917459301E-9</v>
      </c>
      <c r="F260" s="10">
        <v>1.24201297772092E-8</v>
      </c>
      <c r="G260" s="8">
        <v>10.5372062506822</v>
      </c>
      <c r="H260" s="8">
        <v>56648</v>
      </c>
      <c r="I260" s="8" t="s">
        <v>807</v>
      </c>
      <c r="J260" s="11" t="s">
        <v>808</v>
      </c>
      <c r="K260" s="8">
        <v>3</v>
      </c>
      <c r="L260" s="8">
        <v>170888415</v>
      </c>
      <c r="M260" s="8">
        <v>170908693</v>
      </c>
      <c r="N260" s="12">
        <v>-1</v>
      </c>
      <c r="T260" s="25"/>
      <c r="U260" s="25"/>
    </row>
    <row r="261" spans="1:21" ht="128.25" x14ac:dyDescent="0.2">
      <c r="A261" s="8" t="s">
        <v>809</v>
      </c>
      <c r="B261" s="8">
        <v>0.46820132404162301</v>
      </c>
      <c r="C261" s="8">
        <v>4.90071360583896</v>
      </c>
      <c r="D261" s="8">
        <v>9.7335266657602695</v>
      </c>
      <c r="E261" s="9">
        <v>2.70681514622165E-9</v>
      </c>
      <c r="F261" s="10">
        <v>1.2942109103010401E-8</v>
      </c>
      <c r="G261" s="8">
        <v>10.309187792343799</v>
      </c>
      <c r="H261" s="8">
        <v>10614</v>
      </c>
      <c r="I261" s="8" t="s">
        <v>810</v>
      </c>
      <c r="J261" s="11" t="s">
        <v>811</v>
      </c>
      <c r="K261" s="8">
        <v>17</v>
      </c>
      <c r="L261" s="8">
        <v>45148502</v>
      </c>
      <c r="M261" s="8">
        <v>45152101</v>
      </c>
      <c r="N261" s="12">
        <v>1</v>
      </c>
      <c r="T261" s="25"/>
      <c r="U261" s="25"/>
    </row>
    <row r="262" spans="1:21" ht="128.25" x14ac:dyDescent="0.2">
      <c r="A262" s="8" t="s">
        <v>812</v>
      </c>
      <c r="B262" s="8">
        <v>0.41277663286105698</v>
      </c>
      <c r="C262" s="8">
        <v>9.6624638794770803</v>
      </c>
      <c r="D262" s="8">
        <v>9.7303773388965809</v>
      </c>
      <c r="E262" s="9">
        <v>2.72223325714235E-9</v>
      </c>
      <c r="F262" s="10">
        <v>1.30059971099673E-8</v>
      </c>
      <c r="G262" s="8">
        <v>9.9082696067382994</v>
      </c>
      <c r="H262" s="8">
        <v>6426</v>
      </c>
      <c r="I262" s="8" t="s">
        <v>813</v>
      </c>
      <c r="J262" s="11" t="s">
        <v>814</v>
      </c>
      <c r="K262" s="8">
        <v>17</v>
      </c>
      <c r="L262" s="8">
        <v>58003360</v>
      </c>
      <c r="M262" s="8">
        <v>58007346</v>
      </c>
      <c r="N262" s="12">
        <v>-1</v>
      </c>
      <c r="T262" s="25"/>
      <c r="U262" s="25"/>
    </row>
    <row r="263" spans="1:21" ht="156.75" x14ac:dyDescent="0.2">
      <c r="A263" s="8" t="s">
        <v>815</v>
      </c>
      <c r="B263" s="8">
        <v>0.41687236782407</v>
      </c>
      <c r="C263" s="8">
        <v>5.5072614609863999</v>
      </c>
      <c r="D263" s="8">
        <v>9.7301946569345006</v>
      </c>
      <c r="E263" s="9">
        <v>2.7231304005278699E-9</v>
      </c>
      <c r="F263" s="10">
        <v>1.3007008711507E-8</v>
      </c>
      <c r="G263" s="8">
        <v>10.193540206751299</v>
      </c>
      <c r="H263" s="8">
        <v>6827</v>
      </c>
      <c r="I263" s="8" t="s">
        <v>816</v>
      </c>
      <c r="J263" s="11" t="s">
        <v>817</v>
      </c>
      <c r="K263" s="8">
        <v>17</v>
      </c>
      <c r="L263" s="8">
        <v>58345175</v>
      </c>
      <c r="M263" s="8">
        <v>58353093</v>
      </c>
      <c r="N263" s="12">
        <v>-1</v>
      </c>
      <c r="T263" s="25"/>
      <c r="U263" s="25"/>
    </row>
    <row r="264" spans="1:21" ht="99.75" x14ac:dyDescent="0.2">
      <c r="A264" s="8" t="s">
        <v>818</v>
      </c>
      <c r="B264" s="8">
        <v>0.49290770320219801</v>
      </c>
      <c r="C264" s="8">
        <v>5.1248891250353799</v>
      </c>
      <c r="D264" s="8">
        <v>9.7284291280082797</v>
      </c>
      <c r="E264" s="9">
        <v>2.7318166566994598E-9</v>
      </c>
      <c r="F264" s="10">
        <v>1.3045215071511199E-8</v>
      </c>
      <c r="G264" s="8">
        <v>10.255868159428401</v>
      </c>
      <c r="H264" s="8">
        <v>53918</v>
      </c>
      <c r="I264" s="8" t="s">
        <v>819</v>
      </c>
      <c r="J264" s="11" t="s">
        <v>820</v>
      </c>
      <c r="K264" s="8">
        <v>5</v>
      </c>
      <c r="L264" s="8">
        <v>52787940</v>
      </c>
      <c r="M264" s="8">
        <v>52804046</v>
      </c>
      <c r="N264" s="12">
        <v>1</v>
      </c>
      <c r="T264" s="25"/>
      <c r="U264" s="25"/>
    </row>
    <row r="265" spans="1:21" ht="114" x14ac:dyDescent="0.2">
      <c r="A265" s="8" t="s">
        <v>821</v>
      </c>
      <c r="B265" s="8">
        <v>0.46177497044486898</v>
      </c>
      <c r="C265" s="8">
        <v>5.0842209644107896</v>
      </c>
      <c r="D265" s="8">
        <v>9.7180012056717402</v>
      </c>
      <c r="E265" s="9">
        <v>2.78371062364017E-9</v>
      </c>
      <c r="F265" s="10">
        <v>1.32696499635316E-8</v>
      </c>
      <c r="G265" s="8">
        <v>10.2441808414095</v>
      </c>
      <c r="H265" s="8">
        <v>64963</v>
      </c>
      <c r="I265" s="8" t="s">
        <v>822</v>
      </c>
      <c r="J265" s="11" t="s">
        <v>823</v>
      </c>
      <c r="K265" s="8">
        <v>15</v>
      </c>
      <c r="L265" s="8">
        <v>88467453</v>
      </c>
      <c r="M265" s="8">
        <v>88480773</v>
      </c>
      <c r="N265" s="12">
        <v>1</v>
      </c>
      <c r="T265" s="25"/>
      <c r="U265" s="25"/>
    </row>
    <row r="266" spans="1:21" ht="171" x14ac:dyDescent="0.2">
      <c r="A266" s="8" t="s">
        <v>824</v>
      </c>
      <c r="B266" s="8">
        <v>0.35594775180222699</v>
      </c>
      <c r="C266" s="8">
        <v>7.1533365041793502</v>
      </c>
      <c r="D266" s="8">
        <v>9.6798029354670092</v>
      </c>
      <c r="E266" s="9">
        <v>2.9826994292451499E-9</v>
      </c>
      <c r="F266" s="10">
        <v>1.41471349834504E-8</v>
      </c>
      <c r="G266" s="8">
        <v>9.9369110540500092</v>
      </c>
      <c r="H266" s="8"/>
      <c r="I266" s="8" t="s">
        <v>825</v>
      </c>
      <c r="J266" s="11" t="s">
        <v>826</v>
      </c>
      <c r="K266" s="8">
        <v>12</v>
      </c>
      <c r="L266" s="8">
        <v>10505602</v>
      </c>
      <c r="M266" s="8">
        <v>10523135</v>
      </c>
      <c r="N266" s="12">
        <v>1</v>
      </c>
      <c r="T266" s="25"/>
      <c r="U266" s="25"/>
    </row>
    <row r="267" spans="1:21" ht="114" x14ac:dyDescent="0.2">
      <c r="A267" s="8" t="s">
        <v>827</v>
      </c>
      <c r="B267" s="8">
        <v>0.35222949021255301</v>
      </c>
      <c r="C267" s="8">
        <v>6.5226677920616103</v>
      </c>
      <c r="D267" s="8">
        <v>9.6626637236904998</v>
      </c>
      <c r="E267" s="9">
        <v>3.0767245436948E-9</v>
      </c>
      <c r="F267" s="10">
        <v>1.45349767651721E-8</v>
      </c>
      <c r="G267" s="8">
        <v>9.9482427410730008</v>
      </c>
      <c r="H267" s="8">
        <v>8458</v>
      </c>
      <c r="I267" s="8" t="s">
        <v>828</v>
      </c>
      <c r="J267" s="11" t="s">
        <v>829</v>
      </c>
      <c r="K267" s="8">
        <v>1</v>
      </c>
      <c r="L267" s="8">
        <v>117060303</v>
      </c>
      <c r="M267" s="8">
        <v>117107453</v>
      </c>
      <c r="N267" s="12">
        <v>1</v>
      </c>
      <c r="T267" s="25"/>
      <c r="U267" s="25"/>
    </row>
    <row r="268" spans="1:21" ht="114" x14ac:dyDescent="0.2">
      <c r="A268" s="8" t="s">
        <v>830</v>
      </c>
      <c r="B268" s="8">
        <v>-1.0134016105610499</v>
      </c>
      <c r="C268" s="8">
        <v>2.7700917627458801</v>
      </c>
      <c r="D268" s="8">
        <v>-9.6580382753054295</v>
      </c>
      <c r="E268" s="9">
        <v>3.1026225899591699E-9</v>
      </c>
      <c r="F268" s="10">
        <v>1.46427428225951E-8</v>
      </c>
      <c r="G268" s="8">
        <v>10.741472319915101</v>
      </c>
      <c r="H268" s="8">
        <v>54913</v>
      </c>
      <c r="I268" s="8" t="s">
        <v>831</v>
      </c>
      <c r="J268" s="11" t="s">
        <v>832</v>
      </c>
      <c r="K268" s="8">
        <v>15</v>
      </c>
      <c r="L268" s="8">
        <v>74954416</v>
      </c>
      <c r="M268" s="8">
        <v>74957464</v>
      </c>
      <c r="N268" s="12">
        <v>-1</v>
      </c>
      <c r="T268" s="25"/>
      <c r="U268" s="25"/>
    </row>
    <row r="269" spans="1:21" ht="99.75" x14ac:dyDescent="0.2">
      <c r="A269" s="8" t="s">
        <v>833</v>
      </c>
      <c r="B269" s="8">
        <v>0.341369161567176</v>
      </c>
      <c r="C269" s="8">
        <v>8.0388452680397506</v>
      </c>
      <c r="D269" s="8">
        <v>9.5904241427945696</v>
      </c>
      <c r="E269" s="9">
        <v>3.5080989092014901E-9</v>
      </c>
      <c r="F269" s="10">
        <v>1.6429711994056399E-8</v>
      </c>
      <c r="G269" s="8">
        <v>9.7185281710894706</v>
      </c>
      <c r="H269" s="8">
        <v>9045</v>
      </c>
      <c r="I269" s="8" t="s">
        <v>834</v>
      </c>
      <c r="J269" s="11" t="s">
        <v>835</v>
      </c>
      <c r="K269" s="8">
        <v>3</v>
      </c>
      <c r="L269" s="8">
        <v>40457292</v>
      </c>
      <c r="M269" s="8">
        <v>40468587</v>
      </c>
      <c r="N269" s="12">
        <v>1</v>
      </c>
      <c r="T269" s="25"/>
      <c r="U269" s="25"/>
    </row>
    <row r="270" spans="1:21" ht="142.5" x14ac:dyDescent="0.2">
      <c r="A270" s="8" t="s">
        <v>836</v>
      </c>
      <c r="B270" s="8">
        <v>0.32302792480878001</v>
      </c>
      <c r="C270" s="8">
        <v>8.0198589834203595</v>
      </c>
      <c r="D270" s="8">
        <v>9.5785232906433109</v>
      </c>
      <c r="E270" s="9">
        <v>3.5849724928310099E-9</v>
      </c>
      <c r="F270" s="10">
        <v>1.67649144890227E-8</v>
      </c>
      <c r="G270" s="8">
        <v>9.6971737734961092</v>
      </c>
      <c r="H270" s="8">
        <v>1968</v>
      </c>
      <c r="I270" s="8" t="s">
        <v>837</v>
      </c>
      <c r="J270" s="11" t="s">
        <v>838</v>
      </c>
      <c r="K270" s="8" t="s">
        <v>108</v>
      </c>
      <c r="L270" s="8">
        <v>24054716</v>
      </c>
      <c r="M270" s="8">
        <v>24077971</v>
      </c>
      <c r="N270" s="12">
        <v>1</v>
      </c>
      <c r="T270" s="25"/>
      <c r="U270" s="25"/>
    </row>
    <row r="271" spans="1:21" ht="85.5" x14ac:dyDescent="0.2">
      <c r="A271" s="8" t="s">
        <v>839</v>
      </c>
      <c r="B271" s="8">
        <v>-0.325886382384388</v>
      </c>
      <c r="C271" s="8">
        <v>6.9186872448804504</v>
      </c>
      <c r="D271" s="8">
        <v>-9.5454679302617809</v>
      </c>
      <c r="E271" s="9">
        <v>3.8077922542197602E-9</v>
      </c>
      <c r="F271" s="10">
        <v>1.77239326976523E-8</v>
      </c>
      <c r="G271" s="8">
        <v>9.7033145939342393</v>
      </c>
      <c r="H271" s="8">
        <v>16</v>
      </c>
      <c r="I271" s="8" t="s">
        <v>840</v>
      </c>
      <c r="J271" s="11" t="s">
        <v>841</v>
      </c>
      <c r="K271" s="8">
        <v>16</v>
      </c>
      <c r="L271" s="8">
        <v>70252295</v>
      </c>
      <c r="M271" s="8">
        <v>70289543</v>
      </c>
      <c r="N271" s="12">
        <v>-1</v>
      </c>
      <c r="T271" s="25"/>
      <c r="U271" s="25"/>
    </row>
    <row r="272" spans="1:21" ht="99.75" x14ac:dyDescent="0.2">
      <c r="A272" s="8" t="s">
        <v>842</v>
      </c>
      <c r="B272" s="8">
        <v>0.38913158776172502</v>
      </c>
      <c r="C272" s="8">
        <v>6.4769240766035097</v>
      </c>
      <c r="D272" s="8">
        <v>9.5294223336498103</v>
      </c>
      <c r="E272" s="9">
        <v>3.9210825279342299E-9</v>
      </c>
      <c r="F272" s="10">
        <v>1.8228903266194999E-8</v>
      </c>
      <c r="G272" s="8">
        <v>9.7007513108071599</v>
      </c>
      <c r="H272" s="8">
        <v>6189</v>
      </c>
      <c r="I272" s="8" t="s">
        <v>843</v>
      </c>
      <c r="J272" s="11" t="s">
        <v>844</v>
      </c>
      <c r="K272" s="8">
        <v>4</v>
      </c>
      <c r="L272" s="8">
        <v>151099573</v>
      </c>
      <c r="M272" s="8">
        <v>151104652</v>
      </c>
      <c r="N272" s="12">
        <v>1</v>
      </c>
      <c r="T272" s="25"/>
      <c r="U272" s="25"/>
    </row>
    <row r="273" spans="1:21" ht="128.25" x14ac:dyDescent="0.2">
      <c r="A273" s="8" t="s">
        <v>845</v>
      </c>
      <c r="B273" s="8">
        <v>0.93935615094176805</v>
      </c>
      <c r="C273" s="8">
        <v>4.5218457191962598</v>
      </c>
      <c r="D273" s="8">
        <v>9.5288164162534592</v>
      </c>
      <c r="E273" s="9">
        <v>3.9254284718142099E-9</v>
      </c>
      <c r="F273" s="10">
        <v>1.8237018785035299E-8</v>
      </c>
      <c r="G273" s="8">
        <v>10.0083597875824</v>
      </c>
      <c r="H273" s="8">
        <v>54596</v>
      </c>
      <c r="I273" s="8" t="s">
        <v>846</v>
      </c>
      <c r="J273" s="11" t="s">
        <v>847</v>
      </c>
      <c r="K273" s="8">
        <v>1</v>
      </c>
      <c r="L273" s="8">
        <v>62194831</v>
      </c>
      <c r="M273" s="8">
        <v>62212328</v>
      </c>
      <c r="N273" s="12">
        <v>1</v>
      </c>
      <c r="T273" s="25"/>
      <c r="U273" s="25"/>
    </row>
    <row r="274" spans="1:21" ht="85.5" x14ac:dyDescent="0.2">
      <c r="A274" s="8" t="s">
        <v>848</v>
      </c>
      <c r="B274" s="8">
        <v>-0.77925961003783395</v>
      </c>
      <c r="C274" s="8">
        <v>4.50886847120477</v>
      </c>
      <c r="D274" s="8">
        <v>-9.5246465674986993</v>
      </c>
      <c r="E274" s="9">
        <v>3.95547247476228E-9</v>
      </c>
      <c r="F274" s="10">
        <v>1.8370778549575101E-8</v>
      </c>
      <c r="G274" s="8">
        <v>10.0392483383688</v>
      </c>
      <c r="H274" s="8">
        <v>7791</v>
      </c>
      <c r="I274" s="8" t="s">
        <v>849</v>
      </c>
      <c r="J274" s="11" t="s">
        <v>850</v>
      </c>
      <c r="K274" s="8">
        <v>7</v>
      </c>
      <c r="L274" s="8">
        <v>143381080</v>
      </c>
      <c r="M274" s="8">
        <v>143391111</v>
      </c>
      <c r="N274" s="12">
        <v>1</v>
      </c>
      <c r="T274" s="25"/>
      <c r="U274" s="25"/>
    </row>
    <row r="275" spans="1:21" ht="99.75" x14ac:dyDescent="0.2">
      <c r="A275" s="8" t="s">
        <v>851</v>
      </c>
      <c r="B275" s="8">
        <v>-0.33815091419770699</v>
      </c>
      <c r="C275" s="8">
        <v>8.1943929443480208</v>
      </c>
      <c r="D275" s="8">
        <v>-9.5214530821371408</v>
      </c>
      <c r="E275" s="9">
        <v>3.9786428576450496E-9</v>
      </c>
      <c r="F275" s="10">
        <v>1.8473869711164699E-8</v>
      </c>
      <c r="G275" s="8">
        <v>9.5833345380737907</v>
      </c>
      <c r="H275" s="8">
        <v>5034</v>
      </c>
      <c r="I275" s="8" t="s">
        <v>852</v>
      </c>
      <c r="J275" s="11" t="s">
        <v>853</v>
      </c>
      <c r="K275" s="8">
        <v>17</v>
      </c>
      <c r="L275" s="8">
        <v>81843159</v>
      </c>
      <c r="M275" s="8">
        <v>81860694</v>
      </c>
      <c r="N275" s="12">
        <v>-1</v>
      </c>
      <c r="T275" s="25"/>
      <c r="U275" s="25"/>
    </row>
    <row r="276" spans="1:21" ht="114" x14ac:dyDescent="0.2">
      <c r="A276" s="8" t="s">
        <v>854</v>
      </c>
      <c r="B276" s="8">
        <v>-0.48307124632737403</v>
      </c>
      <c r="C276" s="8">
        <v>6.9703350773575403</v>
      </c>
      <c r="D276" s="8">
        <v>-9.4369424417844208</v>
      </c>
      <c r="E276" s="9">
        <v>4.6457925617737198E-9</v>
      </c>
      <c r="F276" s="10">
        <v>2.1264641930723601E-8</v>
      </c>
      <c r="G276" s="8">
        <v>9.4954648104084303</v>
      </c>
      <c r="H276" s="8">
        <v>6238</v>
      </c>
      <c r="I276" s="8" t="s">
        <v>855</v>
      </c>
      <c r="J276" s="11" t="s">
        <v>856</v>
      </c>
      <c r="K276" s="8">
        <v>20</v>
      </c>
      <c r="L276" s="8">
        <v>17613678</v>
      </c>
      <c r="M276" s="8">
        <v>17682295</v>
      </c>
      <c r="N276" s="12">
        <v>-1</v>
      </c>
      <c r="T276" s="25"/>
      <c r="U276" s="25"/>
    </row>
    <row r="277" spans="1:21" ht="99.75" x14ac:dyDescent="0.2">
      <c r="A277" s="8" t="s">
        <v>31</v>
      </c>
      <c r="B277" s="8">
        <v>-5.5845218757010704</v>
      </c>
      <c r="C277" s="8">
        <v>-8.5932311801203101E-2</v>
      </c>
      <c r="D277" s="8">
        <v>-9.4346521146207305</v>
      </c>
      <c r="E277" s="9">
        <v>4.6654088621055703E-9</v>
      </c>
      <c r="F277" s="10">
        <v>2.1338988666227402E-8</v>
      </c>
      <c r="G277" s="8">
        <v>10.981639295738701</v>
      </c>
      <c r="H277" s="8">
        <v>10891</v>
      </c>
      <c r="I277" s="8" t="s">
        <v>27</v>
      </c>
      <c r="J277" s="11" t="s">
        <v>32</v>
      </c>
      <c r="K277" s="8">
        <v>4</v>
      </c>
      <c r="L277" s="8">
        <v>23755041</v>
      </c>
      <c r="M277" s="8">
        <v>23904089</v>
      </c>
      <c r="N277" s="12">
        <v>-1</v>
      </c>
    </row>
    <row r="278" spans="1:21" ht="114" x14ac:dyDescent="0.2">
      <c r="A278" s="8" t="s">
        <v>857</v>
      </c>
      <c r="B278" s="8">
        <v>0.44701046760005297</v>
      </c>
      <c r="C278" s="8">
        <v>5.3674247646661497</v>
      </c>
      <c r="D278" s="8">
        <v>9.4305573659736393</v>
      </c>
      <c r="E278" s="9">
        <v>4.7006939918010597E-9</v>
      </c>
      <c r="F278" s="10">
        <v>2.1484843420618701E-8</v>
      </c>
      <c r="G278" s="8">
        <v>9.6511583272680195</v>
      </c>
      <c r="H278" s="8">
        <v>64895</v>
      </c>
      <c r="I278" s="8" t="s">
        <v>858</v>
      </c>
      <c r="J278" s="11" t="s">
        <v>859</v>
      </c>
      <c r="K278" s="8">
        <v>2</v>
      </c>
      <c r="L278" s="8">
        <v>60756230</v>
      </c>
      <c r="M278" s="8">
        <v>60802085</v>
      </c>
      <c r="N278" s="12">
        <v>1</v>
      </c>
      <c r="T278" s="25"/>
      <c r="U278" s="25"/>
    </row>
    <row r="279" spans="1:21" ht="99.75" x14ac:dyDescent="0.2">
      <c r="A279" s="8" t="s">
        <v>89</v>
      </c>
      <c r="B279" s="8">
        <v>-2.1464927782936898</v>
      </c>
      <c r="C279" s="8">
        <v>0.65009906700502695</v>
      </c>
      <c r="D279" s="8">
        <v>-9.4227360936660904</v>
      </c>
      <c r="E279" s="9">
        <v>4.76886204397751E-9</v>
      </c>
      <c r="F279" s="10">
        <v>2.1759724695494401E-8</v>
      </c>
      <c r="G279" s="8">
        <v>10.820207409027899</v>
      </c>
      <c r="H279" s="8"/>
      <c r="I279" s="8" t="s">
        <v>68</v>
      </c>
      <c r="J279" s="11" t="s">
        <v>90</v>
      </c>
      <c r="K279" s="8">
        <v>5</v>
      </c>
      <c r="L279" s="8">
        <v>168529116</v>
      </c>
      <c r="M279" s="8">
        <v>168530634</v>
      </c>
      <c r="N279" s="12">
        <v>1</v>
      </c>
      <c r="T279" s="25"/>
      <c r="U279" s="25"/>
    </row>
    <row r="280" spans="1:21" ht="99.75" x14ac:dyDescent="0.2">
      <c r="A280" s="8" t="s">
        <v>860</v>
      </c>
      <c r="B280" s="8">
        <v>0.36667546664378903</v>
      </c>
      <c r="C280" s="8">
        <v>7.5369548754366402</v>
      </c>
      <c r="D280" s="8">
        <v>9.4190366580869096</v>
      </c>
      <c r="E280" s="9">
        <v>4.8014614557789602E-9</v>
      </c>
      <c r="F280" s="10">
        <v>2.18926799726856E-8</v>
      </c>
      <c r="G280" s="8">
        <v>9.4212330101997601</v>
      </c>
      <c r="H280" s="8">
        <v>10181</v>
      </c>
      <c r="I280" s="8" t="s">
        <v>861</v>
      </c>
      <c r="J280" s="11" t="s">
        <v>862</v>
      </c>
      <c r="K280" s="8">
        <v>3</v>
      </c>
      <c r="L280" s="8">
        <v>50088908</v>
      </c>
      <c r="M280" s="8">
        <v>50119021</v>
      </c>
      <c r="N280" s="12">
        <v>1</v>
      </c>
      <c r="T280" s="25"/>
      <c r="U280" s="25"/>
    </row>
    <row r="281" spans="1:21" ht="128.25" x14ac:dyDescent="0.2">
      <c r="A281" s="8" t="s">
        <v>863</v>
      </c>
      <c r="B281" s="8">
        <v>0.50425266120989198</v>
      </c>
      <c r="C281" s="8">
        <v>5.3071769218479101</v>
      </c>
      <c r="D281" s="8">
        <v>9.4143192937156801</v>
      </c>
      <c r="E281" s="9">
        <v>4.8433662064101899E-9</v>
      </c>
      <c r="F281" s="10">
        <v>2.2073141330222399E-8</v>
      </c>
      <c r="G281" s="8">
        <v>9.6303271724297197</v>
      </c>
      <c r="H281" s="8">
        <v>5042</v>
      </c>
      <c r="I281" s="8" t="s">
        <v>864</v>
      </c>
      <c r="J281" s="11" t="s">
        <v>865</v>
      </c>
      <c r="K281" s="8">
        <v>13</v>
      </c>
      <c r="L281" s="8">
        <v>25095868</v>
      </c>
      <c r="M281" s="8">
        <v>25099254</v>
      </c>
      <c r="N281" s="12">
        <v>1</v>
      </c>
      <c r="T281" s="25"/>
    </row>
    <row r="282" spans="1:21" ht="114" x14ac:dyDescent="0.2">
      <c r="A282" s="8" t="s">
        <v>866</v>
      </c>
      <c r="B282" s="8">
        <v>0.37800663026647502</v>
      </c>
      <c r="C282" s="8">
        <v>7.5281410004803302</v>
      </c>
      <c r="D282" s="8">
        <v>9.4131488547358195</v>
      </c>
      <c r="E282" s="9">
        <v>4.8538218889606596E-9</v>
      </c>
      <c r="F282" s="10">
        <v>2.2115480909197199E-8</v>
      </c>
      <c r="G282" s="8">
        <v>9.4104547066681707</v>
      </c>
      <c r="H282" s="8">
        <v>3185</v>
      </c>
      <c r="I282" s="8" t="s">
        <v>867</v>
      </c>
      <c r="J282" s="11" t="s">
        <v>868</v>
      </c>
      <c r="K282" s="8">
        <v>10</v>
      </c>
      <c r="L282" s="8">
        <v>43385617</v>
      </c>
      <c r="M282" s="8">
        <v>43409166</v>
      </c>
      <c r="N282" s="12">
        <v>-1</v>
      </c>
      <c r="T282" s="25"/>
      <c r="U282" s="25"/>
    </row>
    <row r="283" spans="1:21" ht="128.25" x14ac:dyDescent="0.2">
      <c r="A283" s="8" t="s">
        <v>869</v>
      </c>
      <c r="B283" s="8">
        <v>0.71418646390895801</v>
      </c>
      <c r="C283" s="8">
        <v>3.6146004961245799</v>
      </c>
      <c r="D283" s="8">
        <v>9.3733921197549694</v>
      </c>
      <c r="E283" s="9">
        <v>5.2232283546696404E-9</v>
      </c>
      <c r="F283" s="10">
        <v>2.3667909380746301E-8</v>
      </c>
      <c r="G283" s="8">
        <v>9.9316604177809307</v>
      </c>
      <c r="H283" s="8">
        <v>54954</v>
      </c>
      <c r="I283" s="8" t="s">
        <v>870</v>
      </c>
      <c r="J283" s="11" t="s">
        <v>871</v>
      </c>
      <c r="K283" s="8" t="s">
        <v>108</v>
      </c>
      <c r="L283" s="8">
        <v>54068324</v>
      </c>
      <c r="M283" s="8">
        <v>54183281</v>
      </c>
      <c r="N283" s="12">
        <v>-1</v>
      </c>
      <c r="T283" s="25"/>
      <c r="U283" s="25"/>
    </row>
    <row r="284" spans="1:21" ht="85.5" x14ac:dyDescent="0.2">
      <c r="A284" s="8" t="s">
        <v>872</v>
      </c>
      <c r="B284" s="8">
        <v>0.35555768031774398</v>
      </c>
      <c r="C284" s="8">
        <v>6.18062946903036</v>
      </c>
      <c r="D284" s="8">
        <v>9.2956848361067106</v>
      </c>
      <c r="E284" s="9">
        <v>6.0318200364326402E-9</v>
      </c>
      <c r="F284" s="10">
        <v>2.6949479719172499E-8</v>
      </c>
      <c r="G284" s="8">
        <v>9.2828607336835294</v>
      </c>
      <c r="H284" s="8">
        <v>342371</v>
      </c>
      <c r="I284" s="8" t="s">
        <v>873</v>
      </c>
      <c r="J284" s="11" t="s">
        <v>874</v>
      </c>
      <c r="K284" s="8">
        <v>16</v>
      </c>
      <c r="L284" s="8">
        <v>71845991</v>
      </c>
      <c r="M284" s="8">
        <v>71885268</v>
      </c>
      <c r="N284" s="12">
        <v>1</v>
      </c>
      <c r="T284" s="25"/>
      <c r="U284" s="25"/>
    </row>
    <row r="285" spans="1:21" ht="114" x14ac:dyDescent="0.2">
      <c r="A285" s="8" t="s">
        <v>875</v>
      </c>
      <c r="B285" s="8">
        <v>0.49540134021599203</v>
      </c>
      <c r="C285" s="8">
        <v>6.0860328234606298</v>
      </c>
      <c r="D285" s="8">
        <v>9.2673729660557793</v>
      </c>
      <c r="E285" s="9">
        <v>6.3577623516368301E-9</v>
      </c>
      <c r="F285" s="10">
        <v>2.8268804158156599E-8</v>
      </c>
      <c r="G285" s="8">
        <v>9.2383370834165994</v>
      </c>
      <c r="H285" s="8">
        <v>7884</v>
      </c>
      <c r="I285" s="8" t="s">
        <v>876</v>
      </c>
      <c r="J285" s="11" t="s">
        <v>877</v>
      </c>
      <c r="K285" s="8">
        <v>4</v>
      </c>
      <c r="L285" s="8">
        <v>1692800</v>
      </c>
      <c r="M285" s="8">
        <v>1712555</v>
      </c>
      <c r="N285" s="12">
        <v>-1</v>
      </c>
      <c r="T285" s="25"/>
      <c r="U285" s="25"/>
    </row>
    <row r="286" spans="1:21" ht="99.75" x14ac:dyDescent="0.2">
      <c r="A286" s="8" t="s">
        <v>878</v>
      </c>
      <c r="B286" s="8">
        <v>0.48113273932846601</v>
      </c>
      <c r="C286" s="8">
        <v>5.2934882411867497</v>
      </c>
      <c r="D286" s="8">
        <v>9.2654905701852694</v>
      </c>
      <c r="E286" s="9">
        <v>6.3800704445553599E-9</v>
      </c>
      <c r="F286" s="10">
        <v>2.83613485186992E-8</v>
      </c>
      <c r="G286" s="8">
        <v>9.34760373134527</v>
      </c>
      <c r="H286" s="8">
        <v>5440</v>
      </c>
      <c r="I286" s="8" t="s">
        <v>879</v>
      </c>
      <c r="J286" s="11" t="s">
        <v>880</v>
      </c>
      <c r="K286" s="8">
        <v>8</v>
      </c>
      <c r="L286" s="8">
        <v>100150584</v>
      </c>
      <c r="M286" s="8">
        <v>100154002</v>
      </c>
      <c r="N286" s="12">
        <v>1</v>
      </c>
      <c r="T286" s="25"/>
      <c r="U286" s="25"/>
    </row>
    <row r="287" spans="1:21" ht="99.75" x14ac:dyDescent="0.2">
      <c r="A287" s="8" t="s">
        <v>881</v>
      </c>
      <c r="B287" s="8">
        <v>0.50010491174954497</v>
      </c>
      <c r="C287" s="8">
        <v>7.8420277249752299</v>
      </c>
      <c r="D287" s="8">
        <v>9.2351520905604705</v>
      </c>
      <c r="E287" s="9">
        <v>6.75101206346331E-9</v>
      </c>
      <c r="F287" s="10">
        <v>2.9851790475826298E-8</v>
      </c>
      <c r="G287" s="8">
        <v>9.0507868621012602</v>
      </c>
      <c r="H287" s="8">
        <v>27332</v>
      </c>
      <c r="I287" s="8" t="s">
        <v>882</v>
      </c>
      <c r="J287" s="11" t="s">
        <v>883</v>
      </c>
      <c r="K287" s="8">
        <v>2</v>
      </c>
      <c r="L287" s="8">
        <v>71276561</v>
      </c>
      <c r="M287" s="8">
        <v>71435069</v>
      </c>
      <c r="N287" s="12">
        <v>1</v>
      </c>
      <c r="T287" s="25"/>
      <c r="U287" s="25"/>
    </row>
    <row r="288" spans="1:21" ht="156.75" x14ac:dyDescent="0.2">
      <c r="A288" s="8" t="s">
        <v>884</v>
      </c>
      <c r="B288" s="8">
        <v>-0.51488455175724201</v>
      </c>
      <c r="C288" s="8">
        <v>4.5763408225384801</v>
      </c>
      <c r="D288" s="8">
        <v>-9.2326428841033206</v>
      </c>
      <c r="E288" s="9">
        <v>6.7826754932851002E-9</v>
      </c>
      <c r="F288" s="10">
        <v>2.9975508345615097E-8</v>
      </c>
      <c r="G288" s="8">
        <v>9.4528893598161492</v>
      </c>
      <c r="H288" s="8">
        <v>81890</v>
      </c>
      <c r="I288" s="8" t="s">
        <v>885</v>
      </c>
      <c r="J288" s="11" t="s">
        <v>886</v>
      </c>
      <c r="K288" s="8">
        <v>19</v>
      </c>
      <c r="L288" s="8">
        <v>10701430</v>
      </c>
      <c r="M288" s="8">
        <v>10713437</v>
      </c>
      <c r="N288" s="12">
        <v>1</v>
      </c>
    </row>
    <row r="289" spans="1:21" ht="142.5" x14ac:dyDescent="0.2">
      <c r="A289" s="8" t="s">
        <v>887</v>
      </c>
      <c r="B289" s="8">
        <v>-0.38827588524870099</v>
      </c>
      <c r="C289" s="8">
        <v>5.3408526511185102</v>
      </c>
      <c r="D289" s="8">
        <v>-9.2238459003450792</v>
      </c>
      <c r="E289" s="9">
        <v>6.8949043569707701E-9</v>
      </c>
      <c r="F289" s="10">
        <v>3.0443136338351401E-8</v>
      </c>
      <c r="G289" s="8">
        <v>9.2741616353553198</v>
      </c>
      <c r="H289" s="8">
        <v>57176</v>
      </c>
      <c r="I289" s="8" t="s">
        <v>888</v>
      </c>
      <c r="J289" s="11" t="s">
        <v>889</v>
      </c>
      <c r="K289" s="8">
        <v>6</v>
      </c>
      <c r="L289" s="8">
        <v>30908242</v>
      </c>
      <c r="M289" s="8">
        <v>30926459</v>
      </c>
      <c r="N289" s="12">
        <v>1</v>
      </c>
      <c r="T289" s="25"/>
      <c r="U289" s="25"/>
    </row>
    <row r="290" spans="1:21" ht="99.75" x14ac:dyDescent="0.2">
      <c r="A290" s="8" t="s">
        <v>890</v>
      </c>
      <c r="B290" s="8">
        <v>0.90161928002940706</v>
      </c>
      <c r="C290" s="8">
        <v>2.5033492122907699</v>
      </c>
      <c r="D290" s="8">
        <v>9.2025508306640997</v>
      </c>
      <c r="E290" s="9">
        <v>7.1746167818631701E-9</v>
      </c>
      <c r="F290" s="10">
        <v>3.15606635765919E-8</v>
      </c>
      <c r="G290" s="8">
        <v>9.8925519647468896</v>
      </c>
      <c r="H290" s="8">
        <v>115290</v>
      </c>
      <c r="I290" s="8" t="s">
        <v>891</v>
      </c>
      <c r="J290" s="11" t="s">
        <v>892</v>
      </c>
      <c r="K290" s="8">
        <v>19</v>
      </c>
      <c r="L290" s="8">
        <v>38941401</v>
      </c>
      <c r="M290" s="8">
        <v>38975910</v>
      </c>
      <c r="N290" s="12">
        <v>-1</v>
      </c>
      <c r="T290" s="25"/>
      <c r="U290" s="25"/>
    </row>
    <row r="291" spans="1:21" ht="114" x14ac:dyDescent="0.2">
      <c r="A291" s="8" t="s">
        <v>893</v>
      </c>
      <c r="B291" s="8">
        <v>0.29029708223505701</v>
      </c>
      <c r="C291" s="8">
        <v>9.2559562795191095</v>
      </c>
      <c r="D291" s="8">
        <v>9.1949089268116495</v>
      </c>
      <c r="E291" s="9">
        <v>7.2778379659698603E-9</v>
      </c>
      <c r="F291" s="10">
        <v>3.1962863013239998E-8</v>
      </c>
      <c r="G291" s="8">
        <v>8.9056576919886705</v>
      </c>
      <c r="H291" s="8">
        <v>6191</v>
      </c>
      <c r="I291" s="8" t="s">
        <v>894</v>
      </c>
      <c r="J291" s="11" t="s">
        <v>895</v>
      </c>
      <c r="K291" s="8" t="s">
        <v>108</v>
      </c>
      <c r="L291" s="8">
        <v>72255679</v>
      </c>
      <c r="M291" s="8">
        <v>72277300</v>
      </c>
      <c r="N291" s="12">
        <v>-1</v>
      </c>
      <c r="T291" s="25"/>
      <c r="U291" s="25"/>
    </row>
    <row r="292" spans="1:21" ht="99.75" x14ac:dyDescent="0.2">
      <c r="A292" s="8" t="s">
        <v>896</v>
      </c>
      <c r="B292" s="8">
        <v>0.31240301576967899</v>
      </c>
      <c r="C292" s="8">
        <v>9.1508522164810504</v>
      </c>
      <c r="D292" s="8">
        <v>9.1803168351456907</v>
      </c>
      <c r="E292" s="9">
        <v>7.47923283791339E-9</v>
      </c>
      <c r="F292" s="10">
        <v>3.2786648548182599E-8</v>
      </c>
      <c r="G292" s="8">
        <v>8.8815469942580307</v>
      </c>
      <c r="H292" s="8">
        <v>6143</v>
      </c>
      <c r="I292" s="8" t="s">
        <v>897</v>
      </c>
      <c r="J292" s="11" t="s">
        <v>898</v>
      </c>
      <c r="K292" s="8">
        <v>17</v>
      </c>
      <c r="L292" s="8">
        <v>39200283</v>
      </c>
      <c r="M292" s="8">
        <v>39204727</v>
      </c>
      <c r="N292" s="12">
        <v>1</v>
      </c>
      <c r="T292" s="25"/>
      <c r="U292" s="25"/>
    </row>
    <row r="293" spans="1:21" ht="114" x14ac:dyDescent="0.2">
      <c r="A293" s="8" t="s">
        <v>899</v>
      </c>
      <c r="B293" s="8">
        <v>0.41581030816477998</v>
      </c>
      <c r="C293" s="8">
        <v>6.07322529973698</v>
      </c>
      <c r="D293" s="8">
        <v>9.1586584087253495</v>
      </c>
      <c r="E293" s="9">
        <v>7.7888600383530608E-9</v>
      </c>
      <c r="F293" s="10">
        <v>3.4041731217831898E-8</v>
      </c>
      <c r="G293" s="8">
        <v>9.0297694746493509</v>
      </c>
      <c r="H293" s="8">
        <v>29896</v>
      </c>
      <c r="I293" s="8" t="s">
        <v>900</v>
      </c>
      <c r="J293" s="11" t="s">
        <v>901</v>
      </c>
      <c r="K293" s="8">
        <v>7</v>
      </c>
      <c r="L293" s="8">
        <v>23504780</v>
      </c>
      <c r="M293" s="8">
        <v>23532041</v>
      </c>
      <c r="N293" s="12">
        <v>-1</v>
      </c>
      <c r="T293" s="25"/>
      <c r="U293" s="25"/>
    </row>
    <row r="294" spans="1:21" ht="142.5" x14ac:dyDescent="0.2">
      <c r="A294" s="8" t="s">
        <v>902</v>
      </c>
      <c r="B294" s="8">
        <v>0.413478757138942</v>
      </c>
      <c r="C294" s="8">
        <v>6.1478939774851504</v>
      </c>
      <c r="D294" s="8">
        <v>9.1461578457406993</v>
      </c>
      <c r="E294" s="9">
        <v>7.9735821493146899E-9</v>
      </c>
      <c r="F294" s="10">
        <v>3.4784981252309199E-8</v>
      </c>
      <c r="G294" s="8">
        <v>8.9972589330778696</v>
      </c>
      <c r="H294" s="8">
        <v>51574</v>
      </c>
      <c r="I294" s="8" t="s">
        <v>903</v>
      </c>
      <c r="J294" s="11" t="s">
        <v>904</v>
      </c>
      <c r="K294" s="8">
        <v>4</v>
      </c>
      <c r="L294" s="8">
        <v>112636964</v>
      </c>
      <c r="M294" s="8">
        <v>112657592</v>
      </c>
      <c r="N294" s="12">
        <v>1</v>
      </c>
      <c r="T294" s="25"/>
      <c r="U294" s="25"/>
    </row>
    <row r="295" spans="1:21" ht="114" x14ac:dyDescent="0.2">
      <c r="A295" s="8" t="s">
        <v>905</v>
      </c>
      <c r="B295" s="8">
        <v>0.48913782163834602</v>
      </c>
      <c r="C295" s="8">
        <v>5.0303801967342503</v>
      </c>
      <c r="D295" s="8">
        <v>9.1411629855990508</v>
      </c>
      <c r="E295" s="9">
        <v>8.0486552662947499E-9</v>
      </c>
      <c r="F295" s="10">
        <v>3.5096353627866602E-8</v>
      </c>
      <c r="G295" s="8">
        <v>9.1558727507899693</v>
      </c>
      <c r="H295" s="8">
        <v>10150</v>
      </c>
      <c r="I295" s="8" t="s">
        <v>906</v>
      </c>
      <c r="J295" s="11" t="s">
        <v>907</v>
      </c>
      <c r="K295" s="8">
        <v>13</v>
      </c>
      <c r="L295" s="8">
        <v>97221434</v>
      </c>
      <c r="M295" s="8">
        <v>97394120</v>
      </c>
      <c r="N295" s="12">
        <v>1</v>
      </c>
      <c r="T295" s="25"/>
      <c r="U295" s="25"/>
    </row>
    <row r="296" spans="1:21" ht="99.75" x14ac:dyDescent="0.2">
      <c r="A296" s="8" t="s">
        <v>908</v>
      </c>
      <c r="B296" s="8">
        <v>0.449826343592438</v>
      </c>
      <c r="C296" s="8">
        <v>5.2724271305857497</v>
      </c>
      <c r="D296" s="8">
        <v>9.1359621788179606</v>
      </c>
      <c r="E296" s="9">
        <v>8.1276022105044102E-9</v>
      </c>
      <c r="F296" s="10">
        <v>3.5367463230621899E-8</v>
      </c>
      <c r="G296" s="8">
        <v>9.1009758658575404</v>
      </c>
      <c r="H296" s="8">
        <v>5073</v>
      </c>
      <c r="I296" s="8" t="s">
        <v>909</v>
      </c>
      <c r="J296" s="11" t="s">
        <v>910</v>
      </c>
      <c r="K296" s="8">
        <v>16</v>
      </c>
      <c r="L296" s="8">
        <v>14435701</v>
      </c>
      <c r="M296" s="8">
        <v>14632728</v>
      </c>
      <c r="N296" s="12">
        <v>-1</v>
      </c>
      <c r="T296" s="25"/>
      <c r="U296" s="25"/>
    </row>
    <row r="297" spans="1:21" ht="99.75" x14ac:dyDescent="0.2">
      <c r="A297" s="8" t="s">
        <v>911</v>
      </c>
      <c r="B297" s="8">
        <v>0.36270144429713602</v>
      </c>
      <c r="C297" s="8">
        <v>6.7936302668964696</v>
      </c>
      <c r="D297" s="8">
        <v>9.11611800229106</v>
      </c>
      <c r="E297" s="9">
        <v>8.4362765823421696E-9</v>
      </c>
      <c r="F297" s="10">
        <v>3.6584831056468797E-8</v>
      </c>
      <c r="G297" s="8">
        <v>8.8836684890473894</v>
      </c>
      <c r="H297" s="8">
        <v>9939</v>
      </c>
      <c r="I297" s="8" t="s">
        <v>912</v>
      </c>
      <c r="J297" s="11" t="s">
        <v>913</v>
      </c>
      <c r="K297" s="8">
        <v>1</v>
      </c>
      <c r="L297" s="8">
        <v>145917714</v>
      </c>
      <c r="M297" s="8">
        <v>145927678</v>
      </c>
      <c r="N297" s="12">
        <v>-1</v>
      </c>
      <c r="T297" s="25"/>
      <c r="U297" s="25"/>
    </row>
    <row r="298" spans="1:21" ht="114" x14ac:dyDescent="0.2">
      <c r="A298" s="8" t="s">
        <v>914</v>
      </c>
      <c r="B298" s="8">
        <v>0.33850437852395399</v>
      </c>
      <c r="C298" s="8">
        <v>8.9988124690543696</v>
      </c>
      <c r="D298" s="8">
        <v>9.1108015317245492</v>
      </c>
      <c r="E298" s="9">
        <v>8.5210187305381897E-9</v>
      </c>
      <c r="F298" s="10">
        <v>3.6910151209637798E-8</v>
      </c>
      <c r="G298" s="8">
        <v>8.7528153617215398</v>
      </c>
      <c r="H298" s="8">
        <v>10236</v>
      </c>
      <c r="I298" s="8" t="s">
        <v>915</v>
      </c>
      <c r="J298" s="11" t="s">
        <v>916</v>
      </c>
      <c r="K298" s="8">
        <v>1</v>
      </c>
      <c r="L298" s="8">
        <v>23303771</v>
      </c>
      <c r="M298" s="8">
        <v>23344336</v>
      </c>
      <c r="N298" s="12">
        <v>-1</v>
      </c>
      <c r="T298" s="25"/>
      <c r="U298" s="25"/>
    </row>
    <row r="299" spans="1:21" ht="114" x14ac:dyDescent="0.2">
      <c r="A299" s="8" t="s">
        <v>917</v>
      </c>
      <c r="B299" s="8">
        <v>0.40888476340420299</v>
      </c>
      <c r="C299" s="8">
        <v>5.1766004647894999</v>
      </c>
      <c r="D299" s="8">
        <v>9.0547732105557603</v>
      </c>
      <c r="E299" s="9">
        <v>9.4695892051025094E-9</v>
      </c>
      <c r="F299" s="10">
        <v>4.0684716854251798E-8</v>
      </c>
      <c r="G299" s="8">
        <v>8.9603791138777495</v>
      </c>
      <c r="H299" s="8">
        <v>81627</v>
      </c>
      <c r="I299" s="8" t="s">
        <v>918</v>
      </c>
      <c r="J299" s="11" t="s">
        <v>919</v>
      </c>
      <c r="K299" s="8">
        <v>1</v>
      </c>
      <c r="L299" s="8">
        <v>185118098</v>
      </c>
      <c r="M299" s="8">
        <v>185157072</v>
      </c>
      <c r="N299" s="12">
        <v>-1</v>
      </c>
      <c r="T299" s="25"/>
      <c r="U299" s="25"/>
    </row>
    <row r="300" spans="1:21" ht="99.75" x14ac:dyDescent="0.2">
      <c r="A300" s="8" t="s">
        <v>920</v>
      </c>
      <c r="B300" s="8">
        <v>0.292989350579406</v>
      </c>
      <c r="C300" s="8">
        <v>8.2289282361178806</v>
      </c>
      <c r="D300" s="8">
        <v>9.0481900983718404</v>
      </c>
      <c r="E300" s="9">
        <v>9.5880097134322693E-9</v>
      </c>
      <c r="F300" s="10">
        <v>4.1128313818219798E-8</v>
      </c>
      <c r="G300" s="8">
        <v>8.6676914538115906</v>
      </c>
      <c r="H300" s="8">
        <v>6159</v>
      </c>
      <c r="I300" s="8" t="s">
        <v>921</v>
      </c>
      <c r="J300" s="11" t="s">
        <v>922</v>
      </c>
      <c r="K300" s="8">
        <v>3</v>
      </c>
      <c r="L300" s="8">
        <v>51993600</v>
      </c>
      <c r="M300" s="8">
        <v>51995942</v>
      </c>
      <c r="N300" s="12">
        <v>-1</v>
      </c>
      <c r="T300" s="25"/>
      <c r="U300" s="25"/>
    </row>
    <row r="301" spans="1:21" ht="99.75" x14ac:dyDescent="0.2">
      <c r="A301" s="8" t="s">
        <v>923</v>
      </c>
      <c r="B301" s="8">
        <v>0.37924585619897</v>
      </c>
      <c r="C301" s="8">
        <v>5.8714800980209603</v>
      </c>
      <c r="D301" s="8">
        <v>9.0450963030191005</v>
      </c>
      <c r="E301" s="9">
        <v>9.6441912616431502E-9</v>
      </c>
      <c r="F301" s="10">
        <v>4.1331937121093503E-8</v>
      </c>
      <c r="G301" s="8">
        <v>8.8329436549334801</v>
      </c>
      <c r="H301" s="8">
        <v>55798</v>
      </c>
      <c r="I301" s="8" t="s">
        <v>924</v>
      </c>
      <c r="J301" s="11" t="s">
        <v>925</v>
      </c>
      <c r="K301" s="8">
        <v>7</v>
      </c>
      <c r="L301" s="8">
        <v>128476729</v>
      </c>
      <c r="M301" s="8">
        <v>128506602</v>
      </c>
      <c r="N301" s="12">
        <v>1</v>
      </c>
      <c r="T301" s="25"/>
      <c r="U301" s="25"/>
    </row>
    <row r="302" spans="1:21" ht="85.5" x14ac:dyDescent="0.2">
      <c r="A302" s="8" t="s">
        <v>926</v>
      </c>
      <c r="B302" s="8">
        <v>0.43956504201718499</v>
      </c>
      <c r="C302" s="8">
        <v>7.05418783336484</v>
      </c>
      <c r="D302" s="8">
        <v>9.0451693680007406</v>
      </c>
      <c r="E302" s="9">
        <v>9.6428605204565596E-9</v>
      </c>
      <c r="F302" s="10">
        <v>4.1331937121093503E-8</v>
      </c>
      <c r="G302" s="8">
        <v>8.7279777155092901</v>
      </c>
      <c r="H302" s="8">
        <v>64328</v>
      </c>
      <c r="I302" s="8" t="s">
        <v>927</v>
      </c>
      <c r="J302" s="11" t="s">
        <v>928</v>
      </c>
      <c r="K302" s="8">
        <v>13</v>
      </c>
      <c r="L302" s="8">
        <v>20777329</v>
      </c>
      <c r="M302" s="8">
        <v>20903048</v>
      </c>
      <c r="N302" s="12">
        <v>-1</v>
      </c>
      <c r="T302" s="25"/>
      <c r="U302" s="25"/>
    </row>
    <row r="303" spans="1:21" ht="185.25" x14ac:dyDescent="0.2">
      <c r="A303" s="8" t="s">
        <v>929</v>
      </c>
      <c r="B303" s="8">
        <v>0.34558384453622698</v>
      </c>
      <c r="C303" s="8">
        <v>6.3121476301003296</v>
      </c>
      <c r="D303" s="8">
        <v>9.00841324277064</v>
      </c>
      <c r="E303" s="9">
        <v>1.03369252305573E-8</v>
      </c>
      <c r="F303" s="10">
        <v>4.40520615540725E-8</v>
      </c>
      <c r="G303" s="8">
        <v>8.7124295989293898</v>
      </c>
      <c r="H303" s="8">
        <v>9724</v>
      </c>
      <c r="I303" s="8" t="s">
        <v>930</v>
      </c>
      <c r="J303" s="11" t="s">
        <v>931</v>
      </c>
      <c r="K303" s="8">
        <v>13</v>
      </c>
      <c r="L303" s="8">
        <v>52024691</v>
      </c>
      <c r="M303" s="8">
        <v>52033600</v>
      </c>
      <c r="N303" s="12">
        <v>1</v>
      </c>
      <c r="T303" s="25"/>
      <c r="U303" s="25"/>
    </row>
    <row r="304" spans="1:21" ht="99.75" x14ac:dyDescent="0.2">
      <c r="A304" s="8" t="s">
        <v>932</v>
      </c>
      <c r="B304" s="8">
        <v>0.43335269584944602</v>
      </c>
      <c r="C304" s="8">
        <v>7.1743420686675599</v>
      </c>
      <c r="D304" s="8">
        <v>8.9871585193340309</v>
      </c>
      <c r="E304" s="9">
        <v>1.0761693354268601E-8</v>
      </c>
      <c r="F304" s="10">
        <v>4.57173391070957E-8</v>
      </c>
      <c r="G304" s="8">
        <v>8.6069901535692601</v>
      </c>
      <c r="H304" s="8">
        <v>25926</v>
      </c>
      <c r="I304" s="8" t="s">
        <v>933</v>
      </c>
      <c r="J304" s="11" t="s">
        <v>934</v>
      </c>
      <c r="K304" s="8">
        <v>17</v>
      </c>
      <c r="L304" s="8">
        <v>67717833</v>
      </c>
      <c r="M304" s="8">
        <v>67744531</v>
      </c>
      <c r="N304" s="12">
        <v>1</v>
      </c>
    </row>
    <row r="305" spans="1:21" ht="99.75" x14ac:dyDescent="0.2">
      <c r="A305" s="8" t="s">
        <v>935</v>
      </c>
      <c r="B305" s="8">
        <v>0.29703301077348998</v>
      </c>
      <c r="C305" s="8">
        <v>8.6425577187139293</v>
      </c>
      <c r="D305" s="8">
        <v>8.9772472598440896</v>
      </c>
      <c r="E305" s="9">
        <v>1.09659066109093E-8</v>
      </c>
      <c r="F305" s="10">
        <v>4.6419810340224303E-8</v>
      </c>
      <c r="G305" s="8">
        <v>8.5079384981774595</v>
      </c>
      <c r="H305" s="8">
        <v>6156</v>
      </c>
      <c r="I305" s="8" t="s">
        <v>936</v>
      </c>
      <c r="J305" s="11" t="s">
        <v>937</v>
      </c>
      <c r="K305" s="8">
        <v>8</v>
      </c>
      <c r="L305" s="8">
        <v>98024851</v>
      </c>
      <c r="M305" s="8">
        <v>98046469</v>
      </c>
      <c r="N305" s="12">
        <v>-1</v>
      </c>
      <c r="T305" s="25"/>
      <c r="U305" s="25"/>
    </row>
    <row r="306" spans="1:21" ht="99.75" x14ac:dyDescent="0.2">
      <c r="A306" s="8" t="s">
        <v>938</v>
      </c>
      <c r="B306" s="8">
        <v>0.40378614929710999</v>
      </c>
      <c r="C306" s="8">
        <v>6.7252005874794101</v>
      </c>
      <c r="D306" s="8">
        <v>8.9550940194723605</v>
      </c>
      <c r="E306" s="9">
        <v>1.14369943022338E-8</v>
      </c>
      <c r="F306" s="10">
        <v>4.8145483778502698E-8</v>
      </c>
      <c r="G306" s="8">
        <v>8.5735876097597394</v>
      </c>
      <c r="H306" s="8">
        <v>29889</v>
      </c>
      <c r="I306" s="8" t="s">
        <v>939</v>
      </c>
      <c r="J306" s="11" t="s">
        <v>940</v>
      </c>
      <c r="K306" s="8">
        <v>1</v>
      </c>
      <c r="L306" s="8">
        <v>37566816</v>
      </c>
      <c r="M306" s="8">
        <v>37595935</v>
      </c>
      <c r="N306" s="12">
        <v>-1</v>
      </c>
      <c r="T306" s="25"/>
      <c r="U306" s="25"/>
    </row>
    <row r="307" spans="1:21" ht="128.25" x14ac:dyDescent="0.2">
      <c r="A307" s="8" t="s">
        <v>941</v>
      </c>
      <c r="B307" s="8">
        <v>0.65351502699050801</v>
      </c>
      <c r="C307" s="8">
        <v>3.7257384012241301</v>
      </c>
      <c r="D307" s="8">
        <v>8.9386781154433397</v>
      </c>
      <c r="E307" s="9">
        <v>1.17995615783407E-8</v>
      </c>
      <c r="F307" s="10">
        <v>4.9500224567202099E-8</v>
      </c>
      <c r="G307" s="8">
        <v>9.0617525038800792</v>
      </c>
      <c r="H307" s="8">
        <v>79979</v>
      </c>
      <c r="I307" s="8" t="s">
        <v>942</v>
      </c>
      <c r="J307" s="11" t="s">
        <v>943</v>
      </c>
      <c r="K307" s="8" t="s">
        <v>108</v>
      </c>
      <c r="L307" s="8">
        <v>101009346</v>
      </c>
      <c r="M307" s="8">
        <v>101052116</v>
      </c>
      <c r="N307" s="12">
        <v>-1</v>
      </c>
      <c r="T307" s="25"/>
      <c r="U307" s="25"/>
    </row>
    <row r="308" spans="1:21" ht="128.25" x14ac:dyDescent="0.2">
      <c r="A308" s="8" t="s">
        <v>944</v>
      </c>
      <c r="B308" s="8">
        <v>0.323762719080323</v>
      </c>
      <c r="C308" s="8">
        <v>8.8342000658126292</v>
      </c>
      <c r="D308" s="8">
        <v>8.93441388631968</v>
      </c>
      <c r="E308" s="9">
        <v>1.18956759577724E-8</v>
      </c>
      <c r="F308" s="10">
        <v>4.98661901150091E-8</v>
      </c>
      <c r="G308" s="8">
        <v>8.4148039214961106</v>
      </c>
      <c r="H308" s="8">
        <v>1937</v>
      </c>
      <c r="I308" s="8" t="s">
        <v>945</v>
      </c>
      <c r="J308" s="11" t="s">
        <v>946</v>
      </c>
      <c r="K308" s="8">
        <v>11</v>
      </c>
      <c r="L308" s="8">
        <v>62559601</v>
      </c>
      <c r="M308" s="8">
        <v>62574086</v>
      </c>
      <c r="N308" s="12">
        <v>-1</v>
      </c>
      <c r="T308" s="25"/>
      <c r="U308" s="25"/>
    </row>
    <row r="309" spans="1:21" ht="114" x14ac:dyDescent="0.2">
      <c r="A309" s="8" t="s">
        <v>84</v>
      </c>
      <c r="B309" s="8">
        <v>-2.3097085647292799</v>
      </c>
      <c r="C309" s="8">
        <v>-0.74985184515720305</v>
      </c>
      <c r="D309" s="8">
        <v>-8.9116622424960994</v>
      </c>
      <c r="E309" s="9">
        <v>1.2422368338217401E-8</v>
      </c>
      <c r="F309" s="10">
        <v>5.18678292528825E-8</v>
      </c>
      <c r="G309" s="8">
        <v>10.0070269082947</v>
      </c>
      <c r="H309" s="8">
        <v>222183</v>
      </c>
      <c r="I309" s="8" t="s">
        <v>65</v>
      </c>
      <c r="J309" s="11" t="s">
        <v>85</v>
      </c>
      <c r="K309" s="8">
        <v>7</v>
      </c>
      <c r="L309" s="8">
        <v>76201900</v>
      </c>
      <c r="M309" s="8">
        <v>76287288</v>
      </c>
      <c r="N309" s="12">
        <v>1</v>
      </c>
    </row>
    <row r="310" spans="1:21" ht="114" x14ac:dyDescent="0.2">
      <c r="A310" s="8" t="s">
        <v>947</v>
      </c>
      <c r="B310" s="8">
        <v>-0.699430396515898</v>
      </c>
      <c r="C310" s="8">
        <v>3.1900592080166299</v>
      </c>
      <c r="D310" s="8">
        <v>-8.8909220503475801</v>
      </c>
      <c r="E310" s="9">
        <v>1.2923535093955E-8</v>
      </c>
      <c r="F310" s="10">
        <v>5.3841915582433297E-8</v>
      </c>
      <c r="G310" s="8">
        <v>9.1441829271189903</v>
      </c>
      <c r="H310" s="8">
        <v>26093</v>
      </c>
      <c r="I310" s="8" t="s">
        <v>948</v>
      </c>
      <c r="J310" s="11" t="s">
        <v>949</v>
      </c>
      <c r="K310" s="8">
        <v>19</v>
      </c>
      <c r="L310" s="8">
        <v>47255980</v>
      </c>
      <c r="M310" s="8">
        <v>47271953</v>
      </c>
      <c r="N310" s="12">
        <v>1</v>
      </c>
      <c r="T310" s="25"/>
      <c r="U310" s="25"/>
    </row>
    <row r="311" spans="1:21" ht="99.75" x14ac:dyDescent="0.2">
      <c r="A311" s="8" t="s">
        <v>950</v>
      </c>
      <c r="B311" s="8">
        <v>0.27836839803396701</v>
      </c>
      <c r="C311" s="8">
        <v>8.8421702314594608</v>
      </c>
      <c r="D311" s="8">
        <v>8.8904172618147097</v>
      </c>
      <c r="E311" s="9">
        <v>1.29359905128252E-8</v>
      </c>
      <c r="F311" s="10">
        <v>5.3881978042555801E-8</v>
      </c>
      <c r="G311" s="8">
        <v>8.3278595283996104</v>
      </c>
      <c r="H311" s="8">
        <v>7919</v>
      </c>
      <c r="I311" s="8" t="s">
        <v>951</v>
      </c>
      <c r="J311" s="11" t="s">
        <v>952</v>
      </c>
      <c r="K311" s="8">
        <v>6</v>
      </c>
      <c r="L311" s="8">
        <v>31530219</v>
      </c>
      <c r="M311" s="8">
        <v>31542448</v>
      </c>
      <c r="N311" s="12">
        <v>-1</v>
      </c>
      <c r="T311" s="25"/>
      <c r="U311" s="25"/>
    </row>
    <row r="312" spans="1:21" ht="85.5" x14ac:dyDescent="0.2">
      <c r="A312" s="8" t="s">
        <v>953</v>
      </c>
      <c r="B312" s="8">
        <v>0.44151494177044798</v>
      </c>
      <c r="C312" s="8">
        <v>7.1098398930568498</v>
      </c>
      <c r="D312" s="8">
        <v>8.8692027750307005</v>
      </c>
      <c r="E312" s="9">
        <v>1.34708439666613E-8</v>
      </c>
      <c r="F312" s="10">
        <v>5.5937900646680997E-8</v>
      </c>
      <c r="G312" s="8">
        <v>8.3787092357614306</v>
      </c>
      <c r="H312" s="8">
        <v>8886</v>
      </c>
      <c r="I312" s="8" t="s">
        <v>954</v>
      </c>
      <c r="J312" s="11" t="s">
        <v>955</v>
      </c>
      <c r="K312" s="8">
        <v>2</v>
      </c>
      <c r="L312" s="8">
        <v>117814650</v>
      </c>
      <c r="M312" s="8">
        <v>117832379</v>
      </c>
      <c r="N312" s="12">
        <v>1</v>
      </c>
      <c r="T312" s="25"/>
      <c r="U312" s="25"/>
    </row>
    <row r="313" spans="1:21" ht="114" x14ac:dyDescent="0.2">
      <c r="A313" s="8" t="s">
        <v>956</v>
      </c>
      <c r="B313" s="8">
        <v>0.43009852519861003</v>
      </c>
      <c r="C313" s="8">
        <v>5.1680605324804896</v>
      </c>
      <c r="D313" s="8">
        <v>8.8525863247556504</v>
      </c>
      <c r="E313" s="9">
        <v>1.3905732755640501E-8</v>
      </c>
      <c r="F313" s="10">
        <v>5.75925557625032E-8</v>
      </c>
      <c r="G313" s="8">
        <v>8.5646306860204096</v>
      </c>
      <c r="H313" s="8">
        <v>51077</v>
      </c>
      <c r="I313" s="8" t="s">
        <v>957</v>
      </c>
      <c r="J313" s="11" t="s">
        <v>958</v>
      </c>
      <c r="K313" s="8">
        <v>14</v>
      </c>
      <c r="L313" s="8">
        <v>74713144</v>
      </c>
      <c r="M313" s="8">
        <v>74738620</v>
      </c>
      <c r="N313" s="12">
        <v>1</v>
      </c>
      <c r="T313" s="25"/>
      <c r="U313" s="25"/>
    </row>
    <row r="314" spans="1:21" ht="114" x14ac:dyDescent="0.2">
      <c r="A314" s="8" t="s">
        <v>959</v>
      </c>
      <c r="B314" s="8">
        <v>0.324540688616755</v>
      </c>
      <c r="C314" s="8">
        <v>6.72328011748123</v>
      </c>
      <c r="D314" s="8">
        <v>8.8470237394765405</v>
      </c>
      <c r="E314" s="9">
        <v>1.4054543739763499E-8</v>
      </c>
      <c r="F314" s="10">
        <v>5.8158106530634898E-8</v>
      </c>
      <c r="G314" s="8">
        <v>8.3608249665882504</v>
      </c>
      <c r="H314" s="8">
        <v>10284</v>
      </c>
      <c r="I314" s="8" t="s">
        <v>960</v>
      </c>
      <c r="J314" s="11" t="s">
        <v>961</v>
      </c>
      <c r="K314" s="8">
        <v>13</v>
      </c>
      <c r="L314" s="8">
        <v>21140514</v>
      </c>
      <c r="M314" s="8">
        <v>21149084</v>
      </c>
      <c r="N314" s="12">
        <v>1</v>
      </c>
      <c r="T314" s="25"/>
      <c r="U314" s="25"/>
    </row>
    <row r="315" spans="1:21" ht="156.75" x14ac:dyDescent="0.2">
      <c r="A315" s="8" t="s">
        <v>962</v>
      </c>
      <c r="B315" s="8">
        <v>0.45082658685010701</v>
      </c>
      <c r="C315" s="8">
        <v>5.3366437610953499</v>
      </c>
      <c r="D315" s="8">
        <v>8.8466013494832296</v>
      </c>
      <c r="E315" s="9">
        <v>1.4065910696233701E-8</v>
      </c>
      <c r="F315" s="10">
        <v>5.8192454171010699E-8</v>
      </c>
      <c r="G315" s="8">
        <v>8.5226537800673796</v>
      </c>
      <c r="H315" s="8">
        <v>55278</v>
      </c>
      <c r="I315" s="8" t="s">
        <v>963</v>
      </c>
      <c r="J315" s="11" t="s">
        <v>964</v>
      </c>
      <c r="K315" s="8">
        <v>6</v>
      </c>
      <c r="L315" s="8">
        <v>106629578</v>
      </c>
      <c r="M315" s="8">
        <v>106668417</v>
      </c>
      <c r="N315" s="12">
        <v>1</v>
      </c>
      <c r="T315" s="25"/>
      <c r="U315" s="25"/>
    </row>
    <row r="316" spans="1:21" ht="142.5" x14ac:dyDescent="0.2">
      <c r="A316" s="8" t="s">
        <v>965</v>
      </c>
      <c r="B316" s="8">
        <v>0.31942148960849598</v>
      </c>
      <c r="C316" s="8">
        <v>6.4704904664387399</v>
      </c>
      <c r="D316" s="8">
        <v>8.8400022710616106</v>
      </c>
      <c r="E316" s="9">
        <v>1.42447397466766E-8</v>
      </c>
      <c r="F316" s="10">
        <v>5.8893774765290197E-8</v>
      </c>
      <c r="G316" s="8">
        <v>8.3666174295344202</v>
      </c>
      <c r="H316" s="8">
        <v>9470</v>
      </c>
      <c r="I316" s="8" t="s">
        <v>966</v>
      </c>
      <c r="J316" s="11" t="s">
        <v>967</v>
      </c>
      <c r="K316" s="8">
        <v>2</v>
      </c>
      <c r="L316" s="8">
        <v>232550052</v>
      </c>
      <c r="M316" s="8">
        <v>232583644</v>
      </c>
      <c r="N316" s="12">
        <v>1</v>
      </c>
      <c r="T316" s="25"/>
      <c r="U316" s="25"/>
    </row>
    <row r="317" spans="1:21" ht="85.5" x14ac:dyDescent="0.2">
      <c r="A317" s="8" t="s">
        <v>968</v>
      </c>
      <c r="B317" s="8">
        <v>0.32320268898554599</v>
      </c>
      <c r="C317" s="8">
        <v>7.8028770257847597</v>
      </c>
      <c r="D317" s="8">
        <v>8.8301478622320104</v>
      </c>
      <c r="E317" s="9">
        <v>1.45161780795843E-8</v>
      </c>
      <c r="F317" s="10">
        <v>5.9911594479398E-8</v>
      </c>
      <c r="G317" s="8">
        <v>8.2615736550408805</v>
      </c>
      <c r="H317" s="8">
        <v>4087</v>
      </c>
      <c r="I317" s="8" t="s">
        <v>969</v>
      </c>
      <c r="J317" s="11" t="s">
        <v>970</v>
      </c>
      <c r="K317" s="8">
        <v>18</v>
      </c>
      <c r="L317" s="8">
        <v>47808957</v>
      </c>
      <c r="M317" s="8">
        <v>47931146</v>
      </c>
      <c r="N317" s="12">
        <v>-1</v>
      </c>
      <c r="T317" s="25"/>
      <c r="U317" s="25"/>
    </row>
    <row r="318" spans="1:21" ht="128.25" x14ac:dyDescent="0.2">
      <c r="A318" s="8" t="s">
        <v>971</v>
      </c>
      <c r="B318" s="8">
        <v>0.42539541437956702</v>
      </c>
      <c r="C318" s="8">
        <v>4.6665097802290596</v>
      </c>
      <c r="D318" s="8">
        <v>8.8172381313441193</v>
      </c>
      <c r="E318" s="9">
        <v>1.48798981270568E-8</v>
      </c>
      <c r="F318" s="10">
        <v>6.1306084836551795E-8</v>
      </c>
      <c r="G318" s="8">
        <v>8.5963766779214605</v>
      </c>
      <c r="H318" s="8">
        <v>84872</v>
      </c>
      <c r="I318" s="8" t="s">
        <v>972</v>
      </c>
      <c r="J318" s="11" t="s">
        <v>973</v>
      </c>
      <c r="K318" s="8">
        <v>12</v>
      </c>
      <c r="L318" s="8">
        <v>56118159</v>
      </c>
      <c r="M318" s="8">
        <v>56127514</v>
      </c>
      <c r="N318" s="12">
        <v>1</v>
      </c>
      <c r="T318" s="25"/>
      <c r="U318" s="25"/>
    </row>
    <row r="319" spans="1:21" ht="171" x14ac:dyDescent="0.2">
      <c r="A319" s="8" t="s">
        <v>974</v>
      </c>
      <c r="B319" s="8">
        <v>0.448551335315653</v>
      </c>
      <c r="C319" s="8">
        <v>5.8455096572808998</v>
      </c>
      <c r="D319" s="8">
        <v>8.8038580061533107</v>
      </c>
      <c r="E319" s="9">
        <v>1.52668375277913E-8</v>
      </c>
      <c r="F319" s="10">
        <v>6.2832091903034996E-8</v>
      </c>
      <c r="G319" s="8">
        <v>8.36111047896358</v>
      </c>
      <c r="H319" s="8">
        <v>51690</v>
      </c>
      <c r="I319" s="8" t="s">
        <v>975</v>
      </c>
      <c r="J319" s="11" t="s">
        <v>976</v>
      </c>
      <c r="K319" s="8">
        <v>19</v>
      </c>
      <c r="L319" s="8">
        <v>2321517</v>
      </c>
      <c r="M319" s="8">
        <v>2328620</v>
      </c>
      <c r="N319" s="12">
        <v>-1</v>
      </c>
      <c r="T319" s="25"/>
      <c r="U319" s="25"/>
    </row>
    <row r="320" spans="1:21" ht="99.75" x14ac:dyDescent="0.2">
      <c r="A320" s="8" t="s">
        <v>977</v>
      </c>
      <c r="B320" s="8">
        <v>0.36517708987473302</v>
      </c>
      <c r="C320" s="8">
        <v>6.5277174378143696</v>
      </c>
      <c r="D320" s="8">
        <v>8.7810884621166405</v>
      </c>
      <c r="E320" s="9">
        <v>1.5949427081514199E-8</v>
      </c>
      <c r="F320" s="10">
        <v>6.5441434029766296E-8</v>
      </c>
      <c r="G320" s="8">
        <v>8.2448748976992405</v>
      </c>
      <c r="H320" s="8">
        <v>170506</v>
      </c>
      <c r="I320" s="8" t="s">
        <v>978</v>
      </c>
      <c r="J320" s="11" t="s">
        <v>979</v>
      </c>
      <c r="K320" s="8">
        <v>3</v>
      </c>
      <c r="L320" s="8">
        <v>154272546</v>
      </c>
      <c r="M320" s="8">
        <v>154324497</v>
      </c>
      <c r="N320" s="12">
        <v>-1</v>
      </c>
      <c r="T320" s="25"/>
      <c r="U320" s="25"/>
    </row>
    <row r="321" spans="1:21" ht="142.5" x14ac:dyDescent="0.2">
      <c r="A321" s="8" t="s">
        <v>980</v>
      </c>
      <c r="B321" s="8">
        <v>0.39436311316660799</v>
      </c>
      <c r="C321" s="8">
        <v>5.9025451237747397</v>
      </c>
      <c r="D321" s="8">
        <v>8.7769722962909693</v>
      </c>
      <c r="E321" s="9">
        <v>1.60761552839888E-8</v>
      </c>
      <c r="F321" s="10">
        <v>6.5891403633748301E-8</v>
      </c>
      <c r="G321" s="8">
        <v>8.3006079625974092</v>
      </c>
      <c r="H321" s="8">
        <v>51247</v>
      </c>
      <c r="I321" s="8" t="s">
        <v>981</v>
      </c>
      <c r="J321" s="11" t="s">
        <v>982</v>
      </c>
      <c r="K321" s="8">
        <v>5</v>
      </c>
      <c r="L321" s="8">
        <v>139341587</v>
      </c>
      <c r="M321" s="8">
        <v>139369720</v>
      </c>
      <c r="N321" s="12">
        <v>1</v>
      </c>
      <c r="T321" s="25"/>
      <c r="U321" s="25"/>
    </row>
    <row r="322" spans="1:21" ht="128.25" x14ac:dyDescent="0.2">
      <c r="A322" s="8" t="s">
        <v>983</v>
      </c>
      <c r="B322" s="8">
        <v>-0.35643866081720998</v>
      </c>
      <c r="C322" s="8">
        <v>7.0453291225588401</v>
      </c>
      <c r="D322" s="8">
        <v>-8.7478721566610904</v>
      </c>
      <c r="E322" s="9">
        <v>1.7002339362741401E-8</v>
      </c>
      <c r="F322" s="10">
        <v>6.9492438959022798E-8</v>
      </c>
      <c r="G322" s="8">
        <v>8.1468677422046607</v>
      </c>
      <c r="H322" s="8">
        <v>9991</v>
      </c>
      <c r="I322" s="8" t="s">
        <v>984</v>
      </c>
      <c r="J322" s="11" t="s">
        <v>985</v>
      </c>
      <c r="K322" s="8">
        <v>9</v>
      </c>
      <c r="L322" s="8">
        <v>112217716</v>
      </c>
      <c r="M322" s="8">
        <v>112333667</v>
      </c>
      <c r="N322" s="12">
        <v>-1</v>
      </c>
      <c r="T322" s="25"/>
      <c r="U322" s="25"/>
    </row>
    <row r="323" spans="1:21" ht="99.75" x14ac:dyDescent="0.2">
      <c r="A323" s="8" t="s">
        <v>986</v>
      </c>
      <c r="B323" s="8">
        <v>0.361506097937491</v>
      </c>
      <c r="C323" s="8">
        <v>5.1868448853239499</v>
      </c>
      <c r="D323" s="8">
        <v>8.7458703904060098</v>
      </c>
      <c r="E323" s="9">
        <v>1.7068046611525901E-8</v>
      </c>
      <c r="F323" s="10">
        <v>6.9715953626114395E-8</v>
      </c>
      <c r="G323" s="8">
        <v>8.3498022012566402</v>
      </c>
      <c r="H323" s="8">
        <v>339175</v>
      </c>
      <c r="I323" s="8" t="s">
        <v>987</v>
      </c>
      <c r="J323" s="11" t="s">
        <v>988</v>
      </c>
      <c r="K323" s="8">
        <v>17</v>
      </c>
      <c r="L323" s="8">
        <v>62423867</v>
      </c>
      <c r="M323" s="8">
        <v>62450822</v>
      </c>
      <c r="N323" s="12">
        <v>1</v>
      </c>
      <c r="T323" s="25"/>
      <c r="U323" s="25"/>
    </row>
    <row r="324" spans="1:21" ht="85.5" x14ac:dyDescent="0.2">
      <c r="A324" s="8" t="s">
        <v>989</v>
      </c>
      <c r="B324" s="8">
        <v>0.82905026918757596</v>
      </c>
      <c r="C324" s="8">
        <v>2.3800428319986699</v>
      </c>
      <c r="D324" s="8">
        <v>8.7441858521310998</v>
      </c>
      <c r="E324" s="9">
        <v>1.7123544563368901E-8</v>
      </c>
      <c r="F324" s="10">
        <v>6.9897505953764498E-8</v>
      </c>
      <c r="G324" s="8">
        <v>9.0287198835436797</v>
      </c>
      <c r="H324" s="8">
        <v>9961</v>
      </c>
      <c r="I324" s="8" t="s">
        <v>990</v>
      </c>
      <c r="J324" s="11" t="s">
        <v>991</v>
      </c>
      <c r="K324" s="8">
        <v>16</v>
      </c>
      <c r="L324" s="8">
        <v>29820394</v>
      </c>
      <c r="M324" s="8">
        <v>29848039</v>
      </c>
      <c r="N324" s="12">
        <v>1</v>
      </c>
      <c r="T324" s="25"/>
      <c r="U324" s="25"/>
    </row>
    <row r="325" spans="1:21" ht="114" x14ac:dyDescent="0.2">
      <c r="A325" s="8" t="s">
        <v>992</v>
      </c>
      <c r="B325" s="8">
        <v>-0.45652360034801298</v>
      </c>
      <c r="C325" s="8">
        <v>6.8729952713761504</v>
      </c>
      <c r="D325" s="8">
        <v>-8.7437261078163306</v>
      </c>
      <c r="E325" s="9">
        <v>1.7138723482505602E-8</v>
      </c>
      <c r="F325" s="10">
        <v>6.9944420543550104E-8</v>
      </c>
      <c r="G325" s="8">
        <v>8.1513936592205791</v>
      </c>
      <c r="H325" s="8">
        <v>6520</v>
      </c>
      <c r="I325" s="8" t="s">
        <v>993</v>
      </c>
      <c r="J325" s="11" t="s">
        <v>994</v>
      </c>
      <c r="K325" s="8">
        <v>11</v>
      </c>
      <c r="L325" s="8">
        <v>62856102</v>
      </c>
      <c r="M325" s="8">
        <v>62888875</v>
      </c>
      <c r="N325" s="12">
        <v>1</v>
      </c>
      <c r="T325" s="25"/>
      <c r="U325" s="25"/>
    </row>
    <row r="326" spans="1:21" ht="99.75" x14ac:dyDescent="0.2">
      <c r="A326" s="8" t="s">
        <v>995</v>
      </c>
      <c r="B326" s="8">
        <v>-0.37210020488100798</v>
      </c>
      <c r="C326" s="8">
        <v>5.24520442784394</v>
      </c>
      <c r="D326" s="8">
        <v>-8.7393757589472294</v>
      </c>
      <c r="E326" s="9">
        <v>1.7283045718297099E-8</v>
      </c>
      <c r="F326" s="10">
        <v>7.0472788697061499E-8</v>
      </c>
      <c r="G326" s="8">
        <v>8.3407219365635399</v>
      </c>
      <c r="H326" s="8">
        <v>26608</v>
      </c>
      <c r="I326" s="8" t="s">
        <v>996</v>
      </c>
      <c r="J326" s="11" t="s">
        <v>997</v>
      </c>
      <c r="K326" s="8">
        <v>7</v>
      </c>
      <c r="L326" s="8">
        <v>73568932</v>
      </c>
      <c r="M326" s="8">
        <v>73578791</v>
      </c>
      <c r="N326" s="12">
        <v>-1</v>
      </c>
      <c r="T326" s="25"/>
      <c r="U326" s="25"/>
    </row>
    <row r="327" spans="1:21" ht="114" x14ac:dyDescent="0.2">
      <c r="A327" s="8" t="s">
        <v>998</v>
      </c>
      <c r="B327" s="8">
        <v>0.32141165806164501</v>
      </c>
      <c r="C327" s="8">
        <v>6.6349550585666099</v>
      </c>
      <c r="D327" s="8">
        <v>8.7360526849344602</v>
      </c>
      <c r="E327" s="9">
        <v>1.7394135134299099E-8</v>
      </c>
      <c r="F327" s="10">
        <v>7.0895296916579304E-8</v>
      </c>
      <c r="G327" s="8">
        <v>8.1468857845871607</v>
      </c>
      <c r="H327" s="8">
        <v>79048</v>
      </c>
      <c r="I327" s="8" t="s">
        <v>999</v>
      </c>
      <c r="J327" s="11" t="s">
        <v>1000</v>
      </c>
      <c r="K327" s="8">
        <v>9</v>
      </c>
      <c r="L327" s="8">
        <v>89318506</v>
      </c>
      <c r="M327" s="8">
        <v>89359662</v>
      </c>
      <c r="N327" s="12">
        <v>1</v>
      </c>
      <c r="T327" s="25"/>
      <c r="U327" s="25"/>
    </row>
    <row r="328" spans="1:21" ht="85.5" x14ac:dyDescent="0.2">
      <c r="A328" s="8" t="s">
        <v>1001</v>
      </c>
      <c r="B328" s="8">
        <v>0.35428376964893898</v>
      </c>
      <c r="C328" s="8">
        <v>8.1767911049732902</v>
      </c>
      <c r="D328" s="8">
        <v>8.68633288579462</v>
      </c>
      <c r="E328" s="9">
        <v>1.9147394234199802E-8</v>
      </c>
      <c r="F328" s="10">
        <v>7.7525090757928201E-8</v>
      </c>
      <c r="G328" s="8">
        <v>7.9548207484891504</v>
      </c>
      <c r="H328" s="8">
        <v>3146</v>
      </c>
      <c r="I328" s="8" t="s">
        <v>1002</v>
      </c>
      <c r="J328" s="11" t="s">
        <v>1003</v>
      </c>
      <c r="K328" s="8">
        <v>13</v>
      </c>
      <c r="L328" s="8">
        <v>30456704</v>
      </c>
      <c r="M328" s="8">
        <v>30617597</v>
      </c>
      <c r="N328" s="12">
        <v>-1</v>
      </c>
      <c r="T328" s="25"/>
      <c r="U328" s="25"/>
    </row>
    <row r="329" spans="1:21" ht="128.25" x14ac:dyDescent="0.2">
      <c r="A329" s="8" t="s">
        <v>1004</v>
      </c>
      <c r="B329" s="8">
        <v>0.32371212509269798</v>
      </c>
      <c r="C329" s="8">
        <v>7.7377872278080702</v>
      </c>
      <c r="D329" s="8">
        <v>8.6827883350444104</v>
      </c>
      <c r="E329" s="9">
        <v>1.92791684813964E-8</v>
      </c>
      <c r="F329" s="10">
        <v>7.7992065715510395E-8</v>
      </c>
      <c r="G329" s="8">
        <v>7.9718044111282902</v>
      </c>
      <c r="H329" s="8">
        <v>9295</v>
      </c>
      <c r="I329" s="8" t="s">
        <v>1005</v>
      </c>
      <c r="J329" s="11" t="s">
        <v>1006</v>
      </c>
      <c r="K329" s="8">
        <v>1</v>
      </c>
      <c r="L329" s="8">
        <v>70205682</v>
      </c>
      <c r="M329" s="8">
        <v>70253052</v>
      </c>
      <c r="N329" s="12">
        <v>1</v>
      </c>
    </row>
    <row r="330" spans="1:21" ht="114" x14ac:dyDescent="0.2">
      <c r="A330" s="8" t="s">
        <v>1007</v>
      </c>
      <c r="B330" s="8">
        <v>0.349331458756589</v>
      </c>
      <c r="C330" s="8">
        <v>7.0534324738890399</v>
      </c>
      <c r="D330" s="8">
        <v>8.6708647688806604</v>
      </c>
      <c r="E330" s="9">
        <v>1.9729374667216099E-8</v>
      </c>
      <c r="F330" s="10">
        <v>7.9677451172538706E-8</v>
      </c>
      <c r="G330" s="8">
        <v>7.9880400509047202</v>
      </c>
      <c r="H330" s="8">
        <v>64062</v>
      </c>
      <c r="I330" s="8" t="s">
        <v>1008</v>
      </c>
      <c r="J330" s="11" t="s">
        <v>1009</v>
      </c>
      <c r="K330" s="8">
        <v>13</v>
      </c>
      <c r="L330" s="8">
        <v>79311824</v>
      </c>
      <c r="M330" s="8">
        <v>79406477</v>
      </c>
      <c r="N330" s="12">
        <v>-1</v>
      </c>
      <c r="T330" s="25"/>
      <c r="U330" s="25"/>
    </row>
    <row r="331" spans="1:21" ht="128.25" x14ac:dyDescent="0.2">
      <c r="A331" s="8" t="s">
        <v>1010</v>
      </c>
      <c r="B331" s="8">
        <v>0.49128483544895302</v>
      </c>
      <c r="C331" s="8">
        <v>11.1313379875786</v>
      </c>
      <c r="D331" s="8">
        <v>8.66555602263883</v>
      </c>
      <c r="E331" s="9">
        <v>1.9933306983401601E-8</v>
      </c>
      <c r="F331" s="10">
        <v>8.0415469095240705E-8</v>
      </c>
      <c r="G331" s="8">
        <v>7.7959024202552696</v>
      </c>
      <c r="H331" s="8">
        <v>3312</v>
      </c>
      <c r="I331" s="8" t="s">
        <v>1011</v>
      </c>
      <c r="J331" s="11" t="s">
        <v>1012</v>
      </c>
      <c r="K331" s="8">
        <v>11</v>
      </c>
      <c r="L331" s="8">
        <v>123057489</v>
      </c>
      <c r="M331" s="8">
        <v>123063230</v>
      </c>
      <c r="N331" s="12">
        <v>-1</v>
      </c>
      <c r="T331" s="25"/>
      <c r="U331" s="25"/>
    </row>
    <row r="332" spans="1:21" ht="142.5" x14ac:dyDescent="0.2">
      <c r="A332" s="8" t="s">
        <v>1013</v>
      </c>
      <c r="B332" s="8">
        <v>0.30900029137283402</v>
      </c>
      <c r="C332" s="8">
        <v>7.3671564188199898</v>
      </c>
      <c r="D332" s="8">
        <v>8.65899283245564</v>
      </c>
      <c r="E332" s="9">
        <v>2.01884465347272E-8</v>
      </c>
      <c r="F332" s="10">
        <v>8.1323742281791197E-8</v>
      </c>
      <c r="G332" s="8">
        <v>7.9454422330242798</v>
      </c>
      <c r="H332" s="8">
        <v>84271</v>
      </c>
      <c r="I332" s="8" t="s">
        <v>1014</v>
      </c>
      <c r="J332" s="11" t="s">
        <v>1015</v>
      </c>
      <c r="K332" s="8">
        <v>22</v>
      </c>
      <c r="L332" s="8">
        <v>42583721</v>
      </c>
      <c r="M332" s="8">
        <v>42614962</v>
      </c>
      <c r="N332" s="12">
        <v>-1</v>
      </c>
      <c r="T332" s="25"/>
      <c r="U332" s="25"/>
    </row>
    <row r="333" spans="1:21" ht="99.75" x14ac:dyDescent="0.2">
      <c r="A333" s="8" t="s">
        <v>1016</v>
      </c>
      <c r="B333" s="8">
        <v>0.391849326157511</v>
      </c>
      <c r="C333" s="8">
        <v>7.43479607887841</v>
      </c>
      <c r="D333" s="8">
        <v>8.6502645600036203</v>
      </c>
      <c r="E333" s="9">
        <v>2.0532996756162801E-8</v>
      </c>
      <c r="F333" s="10">
        <v>8.2571451460415505E-8</v>
      </c>
      <c r="G333" s="8">
        <v>7.9236415510644198</v>
      </c>
      <c r="H333" s="8">
        <v>22984</v>
      </c>
      <c r="I333" s="8" t="s">
        <v>1017</v>
      </c>
      <c r="J333" s="11" t="s">
        <v>1018</v>
      </c>
      <c r="K333" s="8">
        <v>10</v>
      </c>
      <c r="L333" s="8">
        <v>103396648</v>
      </c>
      <c r="M333" s="8">
        <v>103446292</v>
      </c>
      <c r="N333" s="12">
        <v>1</v>
      </c>
      <c r="T333" s="25"/>
      <c r="U333" s="25"/>
    </row>
    <row r="334" spans="1:21" ht="156.75" x14ac:dyDescent="0.2">
      <c r="A334" s="8" t="s">
        <v>1019</v>
      </c>
      <c r="B334" s="8">
        <v>-0.455677160063512</v>
      </c>
      <c r="C334" s="8">
        <v>4.8397464759172202</v>
      </c>
      <c r="D334" s="8">
        <v>-8.6484646231443794</v>
      </c>
      <c r="E334" s="9">
        <v>2.06048030707474E-8</v>
      </c>
      <c r="F334" s="10">
        <v>8.2825110754834606E-8</v>
      </c>
      <c r="G334" s="8">
        <v>8.2436089478410697</v>
      </c>
      <c r="H334" s="8">
        <v>84316</v>
      </c>
      <c r="I334" s="8" t="s">
        <v>1020</v>
      </c>
      <c r="J334" s="11" t="s">
        <v>1021</v>
      </c>
      <c r="K334" s="8">
        <v>17</v>
      </c>
      <c r="L334" s="8">
        <v>7856685</v>
      </c>
      <c r="M334" s="8">
        <v>7885238</v>
      </c>
      <c r="N334" s="12">
        <v>-1</v>
      </c>
    </row>
    <row r="335" spans="1:21" ht="128.25" x14ac:dyDescent="0.2">
      <c r="A335" s="8" t="s">
        <v>1022</v>
      </c>
      <c r="B335" s="8">
        <v>0.31872465576068998</v>
      </c>
      <c r="C335" s="8">
        <v>7.1249020501354696</v>
      </c>
      <c r="D335" s="8">
        <v>8.6418042529002594</v>
      </c>
      <c r="E335" s="9">
        <v>2.0872777705519198E-8</v>
      </c>
      <c r="F335" s="10">
        <v>8.3813521480668098E-8</v>
      </c>
      <c r="G335" s="8">
        <v>7.9254693953677302</v>
      </c>
      <c r="H335" s="8">
        <v>23369</v>
      </c>
      <c r="I335" s="8" t="s">
        <v>1023</v>
      </c>
      <c r="J335" s="11" t="s">
        <v>1024</v>
      </c>
      <c r="K335" s="8">
        <v>2</v>
      </c>
      <c r="L335" s="8">
        <v>20248691</v>
      </c>
      <c r="M335" s="8">
        <v>20352234</v>
      </c>
      <c r="N335" s="12">
        <v>-1</v>
      </c>
      <c r="T335" s="25"/>
      <c r="U335" s="25"/>
    </row>
    <row r="336" spans="1:21" ht="142.5" x14ac:dyDescent="0.2">
      <c r="A336" s="8" t="s">
        <v>1025</v>
      </c>
      <c r="B336" s="8">
        <v>-0.36737898495875498</v>
      </c>
      <c r="C336" s="8">
        <v>6.0517188218904998</v>
      </c>
      <c r="D336" s="8">
        <v>-8.6368285237844393</v>
      </c>
      <c r="E336" s="9">
        <v>2.1075323402668699E-8</v>
      </c>
      <c r="F336" s="10">
        <v>8.4537394253317205E-8</v>
      </c>
      <c r="G336" s="8">
        <v>8.0124096483120404</v>
      </c>
      <c r="H336" s="8">
        <v>80854</v>
      </c>
      <c r="I336" s="8" t="s">
        <v>1026</v>
      </c>
      <c r="J336" s="11" t="s">
        <v>1027</v>
      </c>
      <c r="K336" s="8">
        <v>4</v>
      </c>
      <c r="L336" s="8">
        <v>139495941</v>
      </c>
      <c r="M336" s="8">
        <v>139606699</v>
      </c>
      <c r="N336" s="12">
        <v>-1</v>
      </c>
      <c r="T336" s="25"/>
      <c r="U336" s="25"/>
    </row>
    <row r="337" spans="1:21" ht="99.75" x14ac:dyDescent="0.2">
      <c r="A337" s="8" t="s">
        <v>1028</v>
      </c>
      <c r="B337" s="8">
        <v>0.30387799206467397</v>
      </c>
      <c r="C337" s="8">
        <v>7.8639774812083001</v>
      </c>
      <c r="D337" s="8">
        <v>8.6365243820996191</v>
      </c>
      <c r="E337" s="9">
        <v>2.1087769770447199E-8</v>
      </c>
      <c r="F337" s="10">
        <v>8.4569443561660202E-8</v>
      </c>
      <c r="G337" s="8">
        <v>7.8721888113580203</v>
      </c>
      <c r="H337" s="8">
        <v>6164</v>
      </c>
      <c r="I337" s="8" t="s">
        <v>1029</v>
      </c>
      <c r="J337" s="11" t="s">
        <v>1030</v>
      </c>
      <c r="K337" s="8">
        <v>4</v>
      </c>
      <c r="L337" s="8">
        <v>108620566</v>
      </c>
      <c r="M337" s="8">
        <v>108630412</v>
      </c>
      <c r="N337" s="12">
        <v>1</v>
      </c>
      <c r="T337" s="25"/>
      <c r="U337" s="25"/>
    </row>
    <row r="338" spans="1:21" ht="114" x14ac:dyDescent="0.2">
      <c r="A338" s="8" t="s">
        <v>1031</v>
      </c>
      <c r="B338" s="8">
        <v>0.33570397624367798</v>
      </c>
      <c r="C338" s="8">
        <v>7.67198343772362</v>
      </c>
      <c r="D338" s="8">
        <v>8.6082491450889993</v>
      </c>
      <c r="E338" s="9">
        <v>2.2278742614353699E-8</v>
      </c>
      <c r="F338" s="10">
        <v>8.9082110955033902E-8</v>
      </c>
      <c r="G338" s="8">
        <v>7.8259688324634098</v>
      </c>
      <c r="H338" s="8">
        <v>1153</v>
      </c>
      <c r="I338" s="8" t="s">
        <v>1032</v>
      </c>
      <c r="J338" s="11" t="s">
        <v>1033</v>
      </c>
      <c r="K338" s="8">
        <v>19</v>
      </c>
      <c r="L338" s="8">
        <v>1259384</v>
      </c>
      <c r="M338" s="8">
        <v>1274880</v>
      </c>
      <c r="N338" s="12">
        <v>1</v>
      </c>
      <c r="T338" s="25"/>
      <c r="U338" s="25"/>
    </row>
    <row r="339" spans="1:21" ht="114" x14ac:dyDescent="0.2">
      <c r="A339" s="8" t="s">
        <v>1034</v>
      </c>
      <c r="B339" s="8">
        <v>0.34818060972496001</v>
      </c>
      <c r="C339" s="8">
        <v>9.4672250200531192</v>
      </c>
      <c r="D339" s="8">
        <v>8.6040762285061501</v>
      </c>
      <c r="E339" s="9">
        <v>2.2460313695256202E-8</v>
      </c>
      <c r="F339" s="10">
        <v>8.97513946083126E-8</v>
      </c>
      <c r="G339" s="8">
        <v>7.7315437603767601</v>
      </c>
      <c r="H339" s="8">
        <v>1973</v>
      </c>
      <c r="I339" s="8" t="s">
        <v>1035</v>
      </c>
      <c r="J339" s="11" t="s">
        <v>1036</v>
      </c>
      <c r="K339" s="8">
        <v>17</v>
      </c>
      <c r="L339" s="8">
        <v>7572706</v>
      </c>
      <c r="M339" s="8">
        <v>7579005</v>
      </c>
      <c r="N339" s="12">
        <v>1</v>
      </c>
      <c r="T339" s="25"/>
      <c r="U339" s="25"/>
    </row>
    <row r="340" spans="1:21" ht="128.25" x14ac:dyDescent="0.2">
      <c r="A340" s="8" t="s">
        <v>1037</v>
      </c>
      <c r="B340" s="8">
        <v>0.47036818784054302</v>
      </c>
      <c r="C340" s="8">
        <v>4.0559322534225499</v>
      </c>
      <c r="D340" s="8">
        <v>8.5926115287333609</v>
      </c>
      <c r="E340" s="9">
        <v>2.2967085740230901E-8</v>
      </c>
      <c r="F340" s="10">
        <v>9.1583607079714494E-8</v>
      </c>
      <c r="G340" s="8">
        <v>8.2917323082997001</v>
      </c>
      <c r="H340" s="8">
        <v>6737</v>
      </c>
      <c r="I340" s="8" t="s">
        <v>1038</v>
      </c>
      <c r="J340" s="11" t="s">
        <v>1039</v>
      </c>
      <c r="K340" s="8">
        <v>11</v>
      </c>
      <c r="L340" s="8">
        <v>4384897</v>
      </c>
      <c r="M340" s="8">
        <v>4393696</v>
      </c>
      <c r="N340" s="12">
        <v>-1</v>
      </c>
      <c r="T340" s="25"/>
      <c r="U340" s="25"/>
    </row>
    <row r="341" spans="1:21" ht="142.5" x14ac:dyDescent="0.2">
      <c r="A341" s="8" t="s">
        <v>1040</v>
      </c>
      <c r="B341" s="8">
        <v>0.354699452989713</v>
      </c>
      <c r="C341" s="8">
        <v>8.4572997750940306</v>
      </c>
      <c r="D341" s="8">
        <v>8.5403532645861393</v>
      </c>
      <c r="E341" s="9">
        <v>2.5431353469326399E-8</v>
      </c>
      <c r="F341" s="10">
        <v>1.0054391558071E-7</v>
      </c>
      <c r="G341" s="8">
        <v>7.64697708398886</v>
      </c>
      <c r="H341" s="8">
        <v>7555</v>
      </c>
      <c r="I341" s="8" t="s">
        <v>1041</v>
      </c>
      <c r="J341" s="11" t="s">
        <v>1042</v>
      </c>
      <c r="K341" s="8">
        <v>3</v>
      </c>
      <c r="L341" s="8">
        <v>129169484</v>
      </c>
      <c r="M341" s="8">
        <v>129183922</v>
      </c>
      <c r="N341" s="12">
        <v>-1</v>
      </c>
      <c r="T341" s="25"/>
      <c r="U341" s="25"/>
    </row>
    <row r="342" spans="1:21" ht="128.25" x14ac:dyDescent="0.2">
      <c r="A342" s="8" t="s">
        <v>1043</v>
      </c>
      <c r="B342" s="8">
        <v>0.39635289954018899</v>
      </c>
      <c r="C342" s="8">
        <v>5.5491695746129599</v>
      </c>
      <c r="D342" s="8">
        <v>8.5260160420293101</v>
      </c>
      <c r="E342" s="9">
        <v>2.6154139241529799E-8</v>
      </c>
      <c r="F342" s="10">
        <v>1.03015172350874E-7</v>
      </c>
      <c r="G342" s="8">
        <v>7.8472413166864898</v>
      </c>
      <c r="H342" s="8">
        <v>112479</v>
      </c>
      <c r="I342" s="8" t="s">
        <v>1044</v>
      </c>
      <c r="J342" s="11" t="s">
        <v>1045</v>
      </c>
      <c r="K342" s="8">
        <v>16</v>
      </c>
      <c r="L342" s="8">
        <v>20780193</v>
      </c>
      <c r="M342" s="8">
        <v>20900349</v>
      </c>
      <c r="N342" s="12">
        <v>-1</v>
      </c>
      <c r="T342" s="25"/>
      <c r="U342" s="25"/>
    </row>
    <row r="343" spans="1:21" ht="114" x14ac:dyDescent="0.2">
      <c r="A343" s="8" t="s">
        <v>1046</v>
      </c>
      <c r="B343" s="8">
        <v>0.302425277452191</v>
      </c>
      <c r="C343" s="8">
        <v>7.51448948347194</v>
      </c>
      <c r="D343" s="8">
        <v>8.5172186551408302</v>
      </c>
      <c r="E343" s="9">
        <v>2.6608131131548701E-8</v>
      </c>
      <c r="F343" s="10">
        <v>1.0462961137244101E-7</v>
      </c>
      <c r="G343" s="8">
        <v>7.6515538470116198</v>
      </c>
      <c r="H343" s="8">
        <v>10915</v>
      </c>
      <c r="I343" s="8" t="s">
        <v>1047</v>
      </c>
      <c r="J343" s="11" t="s">
        <v>1048</v>
      </c>
      <c r="K343" s="8">
        <v>5</v>
      </c>
      <c r="L343" s="8">
        <v>146447311</v>
      </c>
      <c r="M343" s="8">
        <v>146511961</v>
      </c>
      <c r="N343" s="12">
        <v>1</v>
      </c>
      <c r="T343" s="25"/>
      <c r="U343" s="25"/>
    </row>
    <row r="344" spans="1:21" ht="128.25" x14ac:dyDescent="0.2">
      <c r="A344" s="8" t="s">
        <v>1049</v>
      </c>
      <c r="B344" s="8">
        <v>0.295795615883163</v>
      </c>
      <c r="C344" s="8">
        <v>7.0521782302446496</v>
      </c>
      <c r="D344" s="8">
        <v>8.5135117351371292</v>
      </c>
      <c r="E344" s="9">
        <v>2.68018612667067E-8</v>
      </c>
      <c r="F344" s="10">
        <v>1.0532593109511199E-7</v>
      </c>
      <c r="G344" s="8">
        <v>7.6717292915864697</v>
      </c>
      <c r="H344" s="8">
        <v>22828</v>
      </c>
      <c r="I344" s="8" t="s">
        <v>1050</v>
      </c>
      <c r="J344" s="11" t="s">
        <v>1051</v>
      </c>
      <c r="K344" s="8">
        <v>6</v>
      </c>
      <c r="L344" s="8">
        <v>154733325</v>
      </c>
      <c r="M344" s="8">
        <v>154834244</v>
      </c>
      <c r="N344" s="12">
        <v>1</v>
      </c>
    </row>
    <row r="345" spans="1:21" ht="85.5" x14ac:dyDescent="0.2">
      <c r="A345" s="8" t="s">
        <v>1052</v>
      </c>
      <c r="B345" s="8">
        <v>0.29911547357080298</v>
      </c>
      <c r="C345" s="8">
        <v>6.9002909798303902</v>
      </c>
      <c r="D345" s="8">
        <v>8.4979582793659905</v>
      </c>
      <c r="E345" s="9">
        <v>2.76307489950055E-8</v>
      </c>
      <c r="F345" s="10">
        <v>1.08314134203309E-7</v>
      </c>
      <c r="G345" s="8">
        <v>7.6500164086742704</v>
      </c>
      <c r="H345" s="8">
        <v>1659</v>
      </c>
      <c r="I345" s="8" t="s">
        <v>1053</v>
      </c>
      <c r="J345" s="11" t="s">
        <v>1054</v>
      </c>
      <c r="K345" s="8">
        <v>17</v>
      </c>
      <c r="L345" s="8">
        <v>43483865</v>
      </c>
      <c r="M345" s="8">
        <v>43544463</v>
      </c>
      <c r="N345" s="12">
        <v>1</v>
      </c>
      <c r="T345" s="25"/>
      <c r="U345" s="25"/>
    </row>
    <row r="346" spans="1:21" ht="99.75" x14ac:dyDescent="0.2">
      <c r="A346" s="8" t="s">
        <v>1055</v>
      </c>
      <c r="B346" s="8">
        <v>0.32820118651726399</v>
      </c>
      <c r="C346" s="8">
        <v>6.0469874102239602</v>
      </c>
      <c r="D346" s="8">
        <v>8.4932876662216206</v>
      </c>
      <c r="E346" s="9">
        <v>2.7884800939987501E-8</v>
      </c>
      <c r="F346" s="10">
        <v>1.09197248749101E-7</v>
      </c>
      <c r="G346" s="8">
        <v>7.7143840197436599</v>
      </c>
      <c r="H346" s="8">
        <v>23608</v>
      </c>
      <c r="I346" s="8" t="s">
        <v>1056</v>
      </c>
      <c r="J346" s="11" t="s">
        <v>1057</v>
      </c>
      <c r="K346" s="8">
        <v>7</v>
      </c>
      <c r="L346" s="8">
        <v>140453040</v>
      </c>
      <c r="M346" s="8">
        <v>140479569</v>
      </c>
      <c r="N346" s="12">
        <v>-1</v>
      </c>
      <c r="T346" s="25"/>
      <c r="U346" s="25"/>
    </row>
    <row r="347" spans="1:21" ht="114" x14ac:dyDescent="0.2">
      <c r="A347" s="8" t="s">
        <v>1058</v>
      </c>
      <c r="B347" s="8">
        <v>0.45619690550884801</v>
      </c>
      <c r="C347" s="8">
        <v>4.1416988547802198</v>
      </c>
      <c r="D347" s="8">
        <v>8.4819378389997304</v>
      </c>
      <c r="E347" s="9">
        <v>2.8512277709002999E-8</v>
      </c>
      <c r="F347" s="10">
        <v>1.1147043553435301E-7</v>
      </c>
      <c r="G347" s="8">
        <v>8.0474055905641801</v>
      </c>
      <c r="H347" s="8">
        <v>158234</v>
      </c>
      <c r="I347" s="8" t="s">
        <v>1059</v>
      </c>
      <c r="J347" s="11" t="s">
        <v>1060</v>
      </c>
      <c r="K347" s="8">
        <v>9</v>
      </c>
      <c r="L347" s="8">
        <v>37753803</v>
      </c>
      <c r="M347" s="8">
        <v>37778972</v>
      </c>
      <c r="N347" s="12">
        <v>1</v>
      </c>
      <c r="T347" s="25"/>
      <c r="U347" s="25"/>
    </row>
    <row r="348" spans="1:21" ht="142.5" x14ac:dyDescent="0.2">
      <c r="A348" s="8" t="s">
        <v>1061</v>
      </c>
      <c r="B348" s="8">
        <v>0.39118605059815797</v>
      </c>
      <c r="C348" s="8">
        <v>5.2797401648247604</v>
      </c>
      <c r="D348" s="8">
        <v>8.4766879952645002</v>
      </c>
      <c r="E348" s="9">
        <v>2.8807437601108702E-8</v>
      </c>
      <c r="F348" s="10">
        <v>1.1248533813914399E-7</v>
      </c>
      <c r="G348" s="8">
        <v>7.7920902593964199</v>
      </c>
      <c r="H348" s="8">
        <v>85437</v>
      </c>
      <c r="I348" s="8" t="s">
        <v>1062</v>
      </c>
      <c r="J348" s="11" t="s">
        <v>1063</v>
      </c>
      <c r="K348" s="8">
        <v>12</v>
      </c>
      <c r="L348" s="8">
        <v>42312078</v>
      </c>
      <c r="M348" s="8">
        <v>42326118</v>
      </c>
      <c r="N348" s="12">
        <v>-1</v>
      </c>
      <c r="T348" s="25"/>
      <c r="U348" s="25"/>
    </row>
    <row r="349" spans="1:21" ht="99.75" x14ac:dyDescent="0.2">
      <c r="A349" s="8" t="s">
        <v>1064</v>
      </c>
      <c r="B349" s="8">
        <v>-0.46189051602374098</v>
      </c>
      <c r="C349" s="8">
        <v>4.90820320752443</v>
      </c>
      <c r="D349" s="8">
        <v>-8.4763871419601902</v>
      </c>
      <c r="E349" s="9">
        <v>2.8824447783946401E-8</v>
      </c>
      <c r="F349" s="10">
        <v>1.12528604319266E-7</v>
      </c>
      <c r="G349" s="8">
        <v>7.88251410302379</v>
      </c>
      <c r="H349" s="8">
        <v>4299</v>
      </c>
      <c r="I349" s="8" t="s">
        <v>1065</v>
      </c>
      <c r="J349" s="11" t="s">
        <v>1066</v>
      </c>
      <c r="K349" s="8">
        <v>4</v>
      </c>
      <c r="L349" s="8">
        <v>86935002</v>
      </c>
      <c r="M349" s="8">
        <v>87141054</v>
      </c>
      <c r="N349" s="12">
        <v>1</v>
      </c>
      <c r="T349" s="25"/>
    </row>
    <row r="350" spans="1:21" ht="128.25" x14ac:dyDescent="0.2">
      <c r="A350" s="8" t="s">
        <v>1067</v>
      </c>
      <c r="B350" s="8">
        <v>0.42564220508805101</v>
      </c>
      <c r="C350" s="8">
        <v>5.2871454731677199</v>
      </c>
      <c r="D350" s="8">
        <v>8.4632418713545299</v>
      </c>
      <c r="E350" s="9">
        <v>2.9577911691135299E-8</v>
      </c>
      <c r="F350" s="10">
        <v>1.15280351234889E-7</v>
      </c>
      <c r="G350" s="8">
        <v>7.7633622922713004</v>
      </c>
      <c r="H350" s="8">
        <v>51095</v>
      </c>
      <c r="I350" s="8" t="s">
        <v>1068</v>
      </c>
      <c r="J350" s="11" t="s">
        <v>1069</v>
      </c>
      <c r="K350" s="8">
        <v>3</v>
      </c>
      <c r="L350" s="8">
        <v>3126916</v>
      </c>
      <c r="M350" s="8">
        <v>3150879</v>
      </c>
      <c r="N350" s="12">
        <v>1</v>
      </c>
      <c r="T350" s="25"/>
      <c r="U350" s="25"/>
    </row>
    <row r="351" spans="1:21" ht="128.25" x14ac:dyDescent="0.2">
      <c r="A351" s="8" t="s">
        <v>1070</v>
      </c>
      <c r="B351" s="8">
        <v>-0.61856064559139101</v>
      </c>
      <c r="C351" s="8">
        <v>3.1928520916813898</v>
      </c>
      <c r="D351" s="8">
        <v>-8.4588735577059602</v>
      </c>
      <c r="E351" s="9">
        <v>2.9832780467591902E-8</v>
      </c>
      <c r="F351" s="10">
        <v>1.16202108976497E-7</v>
      </c>
      <c r="G351" s="8">
        <v>8.2770073191109006</v>
      </c>
      <c r="H351" s="8">
        <v>79165</v>
      </c>
      <c r="I351" s="8" t="s">
        <v>1071</v>
      </c>
      <c r="J351" s="11" t="s">
        <v>1072</v>
      </c>
      <c r="K351" s="8">
        <v>19</v>
      </c>
      <c r="L351" s="8">
        <v>54155161</v>
      </c>
      <c r="M351" s="8">
        <v>54159882</v>
      </c>
      <c r="N351" s="12">
        <v>-1</v>
      </c>
      <c r="T351" s="25"/>
      <c r="U351" s="25"/>
    </row>
    <row r="352" spans="1:21" ht="114" x14ac:dyDescent="0.2">
      <c r="A352" s="8" t="s">
        <v>1073</v>
      </c>
      <c r="B352" s="8">
        <v>0.48727173830381199</v>
      </c>
      <c r="C352" s="8">
        <v>4.0274966362505698</v>
      </c>
      <c r="D352" s="8">
        <v>8.4468890783902495</v>
      </c>
      <c r="E352" s="9">
        <v>3.0543740891080297E-8</v>
      </c>
      <c r="F352" s="10">
        <v>1.18654773979535E-7</v>
      </c>
      <c r="G352" s="8">
        <v>8.0045587563758893</v>
      </c>
      <c r="H352" s="8">
        <v>80745</v>
      </c>
      <c r="I352" s="8" t="s">
        <v>1074</v>
      </c>
      <c r="J352" s="11" t="s">
        <v>1075</v>
      </c>
      <c r="K352" s="8">
        <v>2</v>
      </c>
      <c r="L352" s="8">
        <v>39736060</v>
      </c>
      <c r="M352" s="8">
        <v>39779267</v>
      </c>
      <c r="N352" s="12">
        <v>-1</v>
      </c>
      <c r="T352" s="25"/>
      <c r="U352" s="25"/>
    </row>
    <row r="353" spans="1:21" ht="99.75" x14ac:dyDescent="0.2">
      <c r="A353" s="8" t="s">
        <v>1076</v>
      </c>
      <c r="B353" s="8">
        <v>0.41362549869616499</v>
      </c>
      <c r="C353" s="8">
        <v>4.3165884882187502</v>
      </c>
      <c r="D353" s="8">
        <v>8.4193236253685395</v>
      </c>
      <c r="E353" s="9">
        <v>3.22462976596568E-8</v>
      </c>
      <c r="F353" s="10">
        <v>1.24681742193828E-7</v>
      </c>
      <c r="G353" s="8">
        <v>7.87832592426268</v>
      </c>
      <c r="H353" s="8">
        <v>91603</v>
      </c>
      <c r="I353" s="8" t="s">
        <v>1077</v>
      </c>
      <c r="J353" s="11" t="s">
        <v>1078</v>
      </c>
      <c r="K353" s="8">
        <v>17</v>
      </c>
      <c r="L353" s="8">
        <v>34961530</v>
      </c>
      <c r="M353" s="8">
        <v>34963775</v>
      </c>
      <c r="N353" s="12">
        <v>1</v>
      </c>
      <c r="T353" s="25"/>
      <c r="U353" s="25"/>
    </row>
    <row r="354" spans="1:21" ht="156.75" x14ac:dyDescent="0.2">
      <c r="A354" s="8" t="s">
        <v>1079</v>
      </c>
      <c r="B354" s="8">
        <v>0.38370432300607399</v>
      </c>
      <c r="C354" s="8">
        <v>6.0015035153162204</v>
      </c>
      <c r="D354" s="8">
        <v>8.4159707293477499</v>
      </c>
      <c r="E354" s="9">
        <v>3.2459978483625803E-8</v>
      </c>
      <c r="F354" s="10">
        <v>1.25329198714907E-7</v>
      </c>
      <c r="G354" s="8">
        <v>7.5625075399067399</v>
      </c>
      <c r="H354" s="8">
        <v>124454</v>
      </c>
      <c r="I354" s="8" t="s">
        <v>1080</v>
      </c>
      <c r="J354" s="11" t="s">
        <v>1081</v>
      </c>
      <c r="K354" s="8">
        <v>16</v>
      </c>
      <c r="L354" s="8">
        <v>23522014</v>
      </c>
      <c r="M354" s="8">
        <v>23557731</v>
      </c>
      <c r="N354" s="12">
        <v>-1</v>
      </c>
      <c r="T354" s="25"/>
      <c r="U354" s="25"/>
    </row>
    <row r="355" spans="1:21" ht="99.75" x14ac:dyDescent="0.2">
      <c r="A355" s="8" t="s">
        <v>1082</v>
      </c>
      <c r="B355" s="8">
        <v>-0.37282520673478903</v>
      </c>
      <c r="C355" s="8">
        <v>5.2998266705784198</v>
      </c>
      <c r="D355" s="8">
        <v>-8.4025160028736892</v>
      </c>
      <c r="E355" s="9">
        <v>3.3332284029021501E-8</v>
      </c>
      <c r="F355" s="10">
        <v>1.2851417188515699E-7</v>
      </c>
      <c r="G355" s="8">
        <v>7.6524059569101404</v>
      </c>
      <c r="H355" s="8" t="s">
        <v>1083</v>
      </c>
      <c r="I355" s="8" t="s">
        <v>1084</v>
      </c>
      <c r="J355" s="11" t="s">
        <v>1085</v>
      </c>
      <c r="K355" s="8">
        <v>9</v>
      </c>
      <c r="L355" s="8">
        <v>127785679</v>
      </c>
      <c r="M355" s="8">
        <v>127790787</v>
      </c>
      <c r="N355" s="12">
        <v>1</v>
      </c>
      <c r="T355" s="25"/>
      <c r="U355" s="25"/>
    </row>
    <row r="356" spans="1:21" ht="142.5" x14ac:dyDescent="0.2">
      <c r="A356" s="8" t="s">
        <v>1086</v>
      </c>
      <c r="B356" s="8">
        <v>0.34953898483073698</v>
      </c>
      <c r="C356" s="8">
        <v>6.9937832259671797</v>
      </c>
      <c r="D356" s="8">
        <v>8.39269806297734</v>
      </c>
      <c r="E356" s="9">
        <v>3.3984076337660499E-8</v>
      </c>
      <c r="F356" s="10">
        <v>1.3097396764008599E-7</v>
      </c>
      <c r="G356" s="8">
        <v>7.4299163512983801</v>
      </c>
      <c r="H356" s="8">
        <v>55234</v>
      </c>
      <c r="I356" s="8" t="s">
        <v>1087</v>
      </c>
      <c r="J356" s="11" t="s">
        <v>1088</v>
      </c>
      <c r="K356" s="8">
        <v>9</v>
      </c>
      <c r="L356" s="8">
        <v>33041764</v>
      </c>
      <c r="M356" s="8">
        <v>33076659</v>
      </c>
      <c r="N356" s="12">
        <v>-1</v>
      </c>
      <c r="T356" s="25"/>
      <c r="U356" s="25"/>
    </row>
    <row r="357" spans="1:21" ht="156.75" x14ac:dyDescent="0.2">
      <c r="A357" s="8" t="s">
        <v>1089</v>
      </c>
      <c r="B357" s="8">
        <v>0.26689623857433298</v>
      </c>
      <c r="C357" s="8">
        <v>8.3509413441177394</v>
      </c>
      <c r="D357" s="8">
        <v>8.3876680268471393</v>
      </c>
      <c r="E357" s="9">
        <v>3.4323100702559799E-8</v>
      </c>
      <c r="F357" s="10">
        <v>1.3217319034750001E-7</v>
      </c>
      <c r="G357" s="8">
        <v>7.3428962384540597</v>
      </c>
      <c r="H357" s="8">
        <v>7311</v>
      </c>
      <c r="I357" s="8" t="s">
        <v>1090</v>
      </c>
      <c r="J357" s="11" t="s">
        <v>1091</v>
      </c>
      <c r="K357" s="8">
        <v>19</v>
      </c>
      <c r="L357" s="8">
        <v>18571730</v>
      </c>
      <c r="M357" s="8">
        <v>18577550</v>
      </c>
      <c r="N357" s="12">
        <v>1</v>
      </c>
      <c r="T357" s="25"/>
      <c r="U357" s="25"/>
    </row>
    <row r="358" spans="1:21" ht="99.75" x14ac:dyDescent="0.2">
      <c r="A358" s="8" t="s">
        <v>1092</v>
      </c>
      <c r="B358" s="8">
        <v>0.38617481396941</v>
      </c>
      <c r="C358" s="8">
        <v>7.7423837150393204</v>
      </c>
      <c r="D358" s="8">
        <v>8.3874696866079503</v>
      </c>
      <c r="E358" s="9">
        <v>3.4336540266231002E-8</v>
      </c>
      <c r="F358" s="10">
        <v>1.3219811820496401E-7</v>
      </c>
      <c r="G358" s="8">
        <v>7.3748213332925099</v>
      </c>
      <c r="H358" s="8">
        <v>55127</v>
      </c>
      <c r="I358" s="8" t="s">
        <v>1093</v>
      </c>
      <c r="J358" s="11" t="s">
        <v>1094</v>
      </c>
      <c r="K358" s="8">
        <v>1</v>
      </c>
      <c r="L358" s="8">
        <v>236549005</v>
      </c>
      <c r="M358" s="8">
        <v>236604504</v>
      </c>
      <c r="N358" s="12">
        <v>-1</v>
      </c>
      <c r="T358" s="25"/>
      <c r="U358" s="25"/>
    </row>
    <row r="359" spans="1:21" ht="114" x14ac:dyDescent="0.2">
      <c r="A359" s="8" t="s">
        <v>1095</v>
      </c>
      <c r="B359" s="8">
        <v>0.42751707384873799</v>
      </c>
      <c r="C359" s="8">
        <v>5.9626907195654102</v>
      </c>
      <c r="D359" s="8">
        <v>8.3861624265814694</v>
      </c>
      <c r="E359" s="9">
        <v>3.4425256601383097E-8</v>
      </c>
      <c r="F359" s="10">
        <v>1.32512798077981E-7</v>
      </c>
      <c r="G359" s="8">
        <v>7.5062966542690504</v>
      </c>
      <c r="H359" s="8">
        <v>54464</v>
      </c>
      <c r="I359" s="8" t="s">
        <v>1096</v>
      </c>
      <c r="J359" s="11" t="s">
        <v>1097</v>
      </c>
      <c r="K359" s="8">
        <v>3</v>
      </c>
      <c r="L359" s="8">
        <v>142306607</v>
      </c>
      <c r="M359" s="8">
        <v>142448062</v>
      </c>
      <c r="N359" s="12">
        <v>-1</v>
      </c>
      <c r="T359" s="25"/>
      <c r="U359" s="25"/>
    </row>
    <row r="360" spans="1:21" ht="114" x14ac:dyDescent="0.2">
      <c r="A360" s="8" t="s">
        <v>1098</v>
      </c>
      <c r="B360" s="8">
        <v>0.31758967148293399</v>
      </c>
      <c r="C360" s="8">
        <v>7.5862305942294102</v>
      </c>
      <c r="D360" s="8">
        <v>8.3836274457347297</v>
      </c>
      <c r="E360" s="9">
        <v>3.4597967338469002E-8</v>
      </c>
      <c r="F360" s="10">
        <v>1.3306964454441099E-7</v>
      </c>
      <c r="G360" s="8">
        <v>7.3760988857397001</v>
      </c>
      <c r="H360" s="8">
        <v>285855</v>
      </c>
      <c r="I360" s="8" t="s">
        <v>1099</v>
      </c>
      <c r="J360" s="11" t="s">
        <v>1100</v>
      </c>
      <c r="K360" s="8">
        <v>6</v>
      </c>
      <c r="L360" s="8">
        <v>42879618</v>
      </c>
      <c r="M360" s="8">
        <v>42889925</v>
      </c>
      <c r="N360" s="12">
        <v>1</v>
      </c>
      <c r="T360" s="25"/>
      <c r="U360" s="25"/>
    </row>
    <row r="361" spans="1:21" ht="114" x14ac:dyDescent="0.2">
      <c r="A361" s="8" t="s">
        <v>1101</v>
      </c>
      <c r="B361" s="8">
        <v>0.52719125236618103</v>
      </c>
      <c r="C361" s="8">
        <v>3.7968394052458301</v>
      </c>
      <c r="D361" s="8">
        <v>8.3803984624381407</v>
      </c>
      <c r="E361" s="9">
        <v>3.4819259198560301E-8</v>
      </c>
      <c r="F361" s="10">
        <v>1.3381228874262401E-7</v>
      </c>
      <c r="G361" s="8">
        <v>7.9274683814890503</v>
      </c>
      <c r="H361" s="8">
        <v>9617</v>
      </c>
      <c r="I361" s="8" t="s">
        <v>1102</v>
      </c>
      <c r="J361" s="11" t="s">
        <v>1103</v>
      </c>
      <c r="K361" s="8">
        <v>13</v>
      </c>
      <c r="L361" s="8">
        <v>41216369</v>
      </c>
      <c r="M361" s="8">
        <v>41263577</v>
      </c>
      <c r="N361" s="12">
        <v>-1</v>
      </c>
      <c r="T361" s="25"/>
      <c r="U361" s="25"/>
    </row>
    <row r="362" spans="1:21" ht="142.5" x14ac:dyDescent="0.2">
      <c r="A362" s="8" t="s">
        <v>1104</v>
      </c>
      <c r="B362" s="8">
        <v>0.47738442543443899</v>
      </c>
      <c r="C362" s="8">
        <v>4.2317239351864799</v>
      </c>
      <c r="D362" s="8">
        <v>8.3726052530358306</v>
      </c>
      <c r="E362" s="9">
        <v>3.5359399284306599E-8</v>
      </c>
      <c r="F362" s="10">
        <v>1.35750621124476E-7</v>
      </c>
      <c r="G362" s="8">
        <v>7.8032230095536699</v>
      </c>
      <c r="H362" s="8">
        <v>27079</v>
      </c>
      <c r="I362" s="8" t="s">
        <v>1105</v>
      </c>
      <c r="J362" s="11" t="s">
        <v>1106</v>
      </c>
      <c r="K362" s="8">
        <v>15</v>
      </c>
      <c r="L362" s="8">
        <v>40569300</v>
      </c>
      <c r="M362" s="8">
        <v>40574943</v>
      </c>
      <c r="N362" s="12">
        <v>1</v>
      </c>
    </row>
    <row r="363" spans="1:21" ht="128.25" x14ac:dyDescent="0.2">
      <c r="A363" s="8" t="s">
        <v>1107</v>
      </c>
      <c r="B363" s="8">
        <v>0.53131576707816497</v>
      </c>
      <c r="C363" s="8">
        <v>3.5588811840397798</v>
      </c>
      <c r="D363" s="8">
        <v>8.3722783375314798</v>
      </c>
      <c r="E363" s="9">
        <v>3.5382245900521801E-8</v>
      </c>
      <c r="F363" s="10">
        <v>1.35784315470304E-7</v>
      </c>
      <c r="G363" s="8">
        <v>7.9722834009489398</v>
      </c>
      <c r="H363" s="8">
        <v>79650</v>
      </c>
      <c r="I363" s="8" t="s">
        <v>1108</v>
      </c>
      <c r="J363" s="11" t="s">
        <v>1109</v>
      </c>
      <c r="K363" s="8">
        <v>16</v>
      </c>
      <c r="L363" s="8">
        <v>57999546</v>
      </c>
      <c r="M363" s="8">
        <v>58021618</v>
      </c>
      <c r="N363" s="12">
        <v>1</v>
      </c>
      <c r="T363" s="25"/>
      <c r="U363" s="25"/>
    </row>
    <row r="364" spans="1:21" ht="128.25" x14ac:dyDescent="0.2">
      <c r="A364" s="8" t="s">
        <v>1110</v>
      </c>
      <c r="B364" s="8">
        <v>0.36268678999783099</v>
      </c>
      <c r="C364" s="8">
        <v>6.05502246802783</v>
      </c>
      <c r="D364" s="8">
        <v>8.3554738466004199</v>
      </c>
      <c r="E364" s="9">
        <v>3.6577427869345202E-8</v>
      </c>
      <c r="F364" s="10">
        <v>1.40115027992847E-7</v>
      </c>
      <c r="G364" s="8">
        <v>7.4330685858843504</v>
      </c>
      <c r="H364" s="8">
        <v>87178</v>
      </c>
      <c r="I364" s="8" t="s">
        <v>1111</v>
      </c>
      <c r="J364" s="11" t="s">
        <v>1112</v>
      </c>
      <c r="K364" s="8">
        <v>2</v>
      </c>
      <c r="L364" s="8">
        <v>55634265</v>
      </c>
      <c r="M364" s="8">
        <v>55693910</v>
      </c>
      <c r="N364" s="12">
        <v>-1</v>
      </c>
      <c r="T364" s="25"/>
      <c r="U364" s="25"/>
    </row>
    <row r="365" spans="1:21" ht="114" x14ac:dyDescent="0.2">
      <c r="A365" s="8" t="s">
        <v>1113</v>
      </c>
      <c r="B365" s="8">
        <v>0.32991009045811298</v>
      </c>
      <c r="C365" s="8">
        <v>6.1107165989367402</v>
      </c>
      <c r="D365" s="8">
        <v>8.35330672950926</v>
      </c>
      <c r="E365" s="9">
        <v>3.6734569392422499E-8</v>
      </c>
      <c r="F365" s="10">
        <v>1.4054978239222099E-7</v>
      </c>
      <c r="G365" s="8">
        <v>7.42247720204477</v>
      </c>
      <c r="H365" s="8">
        <v>4799</v>
      </c>
      <c r="I365" s="8" t="s">
        <v>1114</v>
      </c>
      <c r="J365" s="11" t="s">
        <v>1115</v>
      </c>
      <c r="K365" s="8">
        <v>9</v>
      </c>
      <c r="L365" s="8">
        <v>33290511</v>
      </c>
      <c r="M365" s="8">
        <v>33371157</v>
      </c>
      <c r="N365" s="12">
        <v>1</v>
      </c>
      <c r="T365" s="25"/>
      <c r="U365" s="25"/>
    </row>
    <row r="366" spans="1:21" ht="99.75" x14ac:dyDescent="0.2">
      <c r="A366" s="8" t="s">
        <v>1116</v>
      </c>
      <c r="B366" s="8">
        <v>0.34795909479791398</v>
      </c>
      <c r="C366" s="8">
        <v>6.6543469447608103</v>
      </c>
      <c r="D366" s="8">
        <v>8.3528919350129094</v>
      </c>
      <c r="E366" s="9">
        <v>3.67647263638663E-8</v>
      </c>
      <c r="F366" s="10">
        <v>1.4063378597200001E-7</v>
      </c>
      <c r="G366" s="8">
        <v>7.3720286272754896</v>
      </c>
      <c r="H366" s="8">
        <v>84128</v>
      </c>
      <c r="I366" s="8" t="s">
        <v>1117</v>
      </c>
      <c r="J366" s="11" t="s">
        <v>1118</v>
      </c>
      <c r="K366" s="8">
        <v>2</v>
      </c>
      <c r="L366" s="8">
        <v>189441433</v>
      </c>
      <c r="M366" s="8">
        <v>189475565</v>
      </c>
      <c r="N366" s="12">
        <v>1</v>
      </c>
    </row>
    <row r="367" spans="1:21" ht="128.25" x14ac:dyDescent="0.2">
      <c r="A367" s="8" t="s">
        <v>1119</v>
      </c>
      <c r="B367" s="8">
        <v>0.39013937707378399</v>
      </c>
      <c r="C367" s="8">
        <v>5.9903153538883203</v>
      </c>
      <c r="D367" s="8">
        <v>8.3499788016743892</v>
      </c>
      <c r="E367" s="9">
        <v>3.6977243362998698E-8</v>
      </c>
      <c r="F367" s="10">
        <v>1.4136123031821599E-7</v>
      </c>
      <c r="G367" s="8">
        <v>7.4292303095205003</v>
      </c>
      <c r="H367" s="8">
        <v>27341</v>
      </c>
      <c r="I367" s="8" t="s">
        <v>1120</v>
      </c>
      <c r="J367" s="11" t="s">
        <v>1121</v>
      </c>
      <c r="K367" s="8">
        <v>22</v>
      </c>
      <c r="L367" s="8">
        <v>42509968</v>
      </c>
      <c r="M367" s="8">
        <v>42519802</v>
      </c>
      <c r="N367" s="12">
        <v>-1</v>
      </c>
      <c r="T367" s="25"/>
      <c r="U367" s="25"/>
    </row>
    <row r="368" spans="1:21" ht="128.25" x14ac:dyDescent="0.2">
      <c r="A368" s="8" t="s">
        <v>1122</v>
      </c>
      <c r="B368" s="8">
        <v>0.38398025698261701</v>
      </c>
      <c r="C368" s="8">
        <v>5.9482935351228496</v>
      </c>
      <c r="D368" s="8">
        <v>8.3418973082911307</v>
      </c>
      <c r="E368" s="9">
        <v>3.7573472461576198E-8</v>
      </c>
      <c r="F368" s="10">
        <v>1.4343829951787E-7</v>
      </c>
      <c r="G368" s="8">
        <v>7.41779737816581</v>
      </c>
      <c r="H368" s="8">
        <v>29997</v>
      </c>
      <c r="I368" s="8" t="s">
        <v>1123</v>
      </c>
      <c r="J368" s="11" t="s">
        <v>1124</v>
      </c>
      <c r="K368" s="8">
        <v>19</v>
      </c>
      <c r="L368" s="8">
        <v>47745522</v>
      </c>
      <c r="M368" s="8">
        <v>47757058</v>
      </c>
      <c r="N368" s="12">
        <v>1</v>
      </c>
      <c r="T368" s="25"/>
      <c r="U368" s="25"/>
    </row>
    <row r="369" spans="1:21" ht="156.75" x14ac:dyDescent="0.2">
      <c r="A369" s="8" t="s">
        <v>1125</v>
      </c>
      <c r="B369" s="8">
        <v>-0.27844381314348499</v>
      </c>
      <c r="C369" s="8">
        <v>7.0959353898906201</v>
      </c>
      <c r="D369" s="8">
        <v>-8.33695614534399</v>
      </c>
      <c r="E369" s="9">
        <v>3.7942904355103297E-8</v>
      </c>
      <c r="F369" s="10">
        <v>1.4476125772955301E-7</v>
      </c>
      <c r="G369" s="8">
        <v>7.3134544306824401</v>
      </c>
      <c r="H369" s="8">
        <v>6638</v>
      </c>
      <c r="I369" s="8" t="s">
        <v>1126</v>
      </c>
      <c r="J369" s="11" t="s">
        <v>1127</v>
      </c>
      <c r="K369" s="8">
        <v>15</v>
      </c>
      <c r="L369" s="8">
        <v>24823637</v>
      </c>
      <c r="M369" s="8">
        <v>24978723</v>
      </c>
      <c r="N369" s="12">
        <v>1</v>
      </c>
      <c r="T369" s="25"/>
      <c r="U369" s="25"/>
    </row>
    <row r="370" spans="1:21" ht="114" x14ac:dyDescent="0.2">
      <c r="A370" s="8" t="s">
        <v>1128</v>
      </c>
      <c r="B370" s="8">
        <v>0.37445633223178598</v>
      </c>
      <c r="C370" s="8">
        <v>5.1634308521143497</v>
      </c>
      <c r="D370" s="8">
        <v>8.3310463087595306</v>
      </c>
      <c r="E370" s="9">
        <v>3.8389696140552502E-8</v>
      </c>
      <c r="F370" s="10">
        <v>1.4631879165681199E-7</v>
      </c>
      <c r="G370" s="8">
        <v>7.5168623946084603</v>
      </c>
      <c r="H370" s="8">
        <v>196441</v>
      </c>
      <c r="I370" s="8" t="s">
        <v>1129</v>
      </c>
      <c r="J370" s="11" t="s">
        <v>1130</v>
      </c>
      <c r="K370" s="8">
        <v>12</v>
      </c>
      <c r="L370" s="8">
        <v>71609472</v>
      </c>
      <c r="M370" s="8">
        <v>71667725</v>
      </c>
      <c r="N370" s="12">
        <v>-1</v>
      </c>
      <c r="T370" s="25"/>
      <c r="U370" s="25"/>
    </row>
    <row r="371" spans="1:21" ht="128.25" x14ac:dyDescent="0.2">
      <c r="A371" s="8" t="s">
        <v>1131</v>
      </c>
      <c r="B371" s="8">
        <v>0.56116715883410495</v>
      </c>
      <c r="C371" s="8">
        <v>5.0790784205190098</v>
      </c>
      <c r="D371" s="8">
        <v>8.2929925057298099</v>
      </c>
      <c r="E371" s="9">
        <v>4.13999225105335E-8</v>
      </c>
      <c r="F371" s="10">
        <v>1.5703504486955701E-7</v>
      </c>
      <c r="G371" s="8">
        <v>7.4542927226666604</v>
      </c>
      <c r="H371" s="8" t="s">
        <v>1132</v>
      </c>
      <c r="I371" s="8" t="s">
        <v>1133</v>
      </c>
      <c r="J371" s="11" t="s">
        <v>1134</v>
      </c>
      <c r="K371" s="8">
        <v>10</v>
      </c>
      <c r="L371" s="8">
        <v>110871795</v>
      </c>
      <c r="M371" s="8">
        <v>110900006</v>
      </c>
      <c r="N371" s="12">
        <v>1</v>
      </c>
      <c r="T371" s="25"/>
      <c r="U371" s="25"/>
    </row>
    <row r="372" spans="1:21" ht="128.25" x14ac:dyDescent="0.2">
      <c r="A372" s="8" t="s">
        <v>1135</v>
      </c>
      <c r="B372" s="8">
        <v>-0.71889943613588103</v>
      </c>
      <c r="C372" s="8">
        <v>2.9275028859888002</v>
      </c>
      <c r="D372" s="8">
        <v>-8.2758062515253705</v>
      </c>
      <c r="E372" s="9">
        <v>4.2838417971469499E-8</v>
      </c>
      <c r="F372" s="10">
        <v>1.6210262369782199E-7</v>
      </c>
      <c r="G372" s="8">
        <v>7.9798235939688302</v>
      </c>
      <c r="H372" s="8">
        <v>81691</v>
      </c>
      <c r="I372" s="8" t="s">
        <v>1136</v>
      </c>
      <c r="J372" s="11" t="s">
        <v>1137</v>
      </c>
      <c r="K372" s="8">
        <v>16</v>
      </c>
      <c r="L372" s="8">
        <v>20806429</v>
      </c>
      <c r="M372" s="8">
        <v>20849668</v>
      </c>
      <c r="N372" s="12">
        <v>1</v>
      </c>
      <c r="T372" s="25"/>
      <c r="U372" s="25"/>
    </row>
    <row r="373" spans="1:21" ht="71.25" x14ac:dyDescent="0.2">
      <c r="A373" s="8" t="s">
        <v>1138</v>
      </c>
      <c r="B373" s="8">
        <v>0.32296446771308102</v>
      </c>
      <c r="C373" s="8">
        <v>6.2722664224576601</v>
      </c>
      <c r="D373" s="8">
        <v>8.2709092640330208</v>
      </c>
      <c r="E373" s="9">
        <v>4.3257682292125101E-8</v>
      </c>
      <c r="F373" s="10">
        <v>1.63460979063652E-7</v>
      </c>
      <c r="G373" s="8">
        <v>7.2369701490367104</v>
      </c>
      <c r="H373" s="8">
        <v>55692</v>
      </c>
      <c r="I373" s="8" t="s">
        <v>1139</v>
      </c>
      <c r="J373" s="11" t="s">
        <v>1140</v>
      </c>
      <c r="K373" s="8">
        <v>16</v>
      </c>
      <c r="L373" s="8">
        <v>188969</v>
      </c>
      <c r="M373" s="8">
        <v>229463</v>
      </c>
      <c r="N373" s="12">
        <v>-1</v>
      </c>
      <c r="T373" s="25"/>
      <c r="U373" s="25"/>
    </row>
    <row r="374" spans="1:21" ht="85.5" x14ac:dyDescent="0.2">
      <c r="A374" s="8" t="s">
        <v>1141</v>
      </c>
      <c r="B374" s="8">
        <v>0.30996131007448002</v>
      </c>
      <c r="C374" s="8">
        <v>6.3442087150314004</v>
      </c>
      <c r="D374" s="8">
        <v>8.26202063338323</v>
      </c>
      <c r="E374" s="9">
        <v>4.4029566975158101E-8</v>
      </c>
      <c r="F374" s="10">
        <v>1.6601412527072801E-7</v>
      </c>
      <c r="G374" s="8">
        <v>7.2119642921819596</v>
      </c>
      <c r="H374" s="8">
        <v>1198</v>
      </c>
      <c r="I374" s="8" t="s">
        <v>1142</v>
      </c>
      <c r="J374" s="11" t="s">
        <v>1143</v>
      </c>
      <c r="K374" s="8">
        <v>15</v>
      </c>
      <c r="L374" s="8">
        <v>74598500</v>
      </c>
      <c r="M374" s="8">
        <v>74645414</v>
      </c>
      <c r="N374" s="12">
        <v>1</v>
      </c>
      <c r="T374" s="25"/>
      <c r="U374" s="25"/>
    </row>
    <row r="375" spans="1:21" ht="128.25" x14ac:dyDescent="0.2">
      <c r="A375" s="8" t="s">
        <v>1144</v>
      </c>
      <c r="B375" s="8">
        <v>-0.37232771239934698</v>
      </c>
      <c r="C375" s="8">
        <v>5.9357900189644797</v>
      </c>
      <c r="D375" s="8">
        <v>-8.2274531446036399</v>
      </c>
      <c r="E375" s="9">
        <v>4.7169290448910002E-8</v>
      </c>
      <c r="F375" s="10">
        <v>1.7697343314530799E-7</v>
      </c>
      <c r="G375" s="8">
        <v>7.1949156124324603</v>
      </c>
      <c r="H375" s="8">
        <v>55342</v>
      </c>
      <c r="I375" s="8" t="s">
        <v>1145</v>
      </c>
      <c r="J375" s="11" t="s">
        <v>1146</v>
      </c>
      <c r="K375" s="8">
        <v>9</v>
      </c>
      <c r="L375" s="8">
        <v>123109500</v>
      </c>
      <c r="M375" s="8">
        <v>123268576</v>
      </c>
      <c r="N375" s="12">
        <v>-1</v>
      </c>
      <c r="T375" s="25"/>
      <c r="U375" s="25"/>
    </row>
    <row r="376" spans="1:21" ht="114" x14ac:dyDescent="0.2">
      <c r="A376" s="8" t="s">
        <v>1147</v>
      </c>
      <c r="B376" s="8">
        <v>0.32414965082136199</v>
      </c>
      <c r="C376" s="8">
        <v>6.0738761286261598</v>
      </c>
      <c r="D376" s="8">
        <v>8.2179684312256107</v>
      </c>
      <c r="E376" s="9">
        <v>4.8070595543104801E-8</v>
      </c>
      <c r="F376" s="10">
        <v>1.79999149885853E-7</v>
      </c>
      <c r="G376" s="8">
        <v>7.1489344083881603</v>
      </c>
      <c r="H376" s="8">
        <v>83443</v>
      </c>
      <c r="I376" s="8" t="s">
        <v>1148</v>
      </c>
      <c r="J376" s="11" t="s">
        <v>1149</v>
      </c>
      <c r="K376" s="8">
        <v>6</v>
      </c>
      <c r="L376" s="8">
        <v>144094881</v>
      </c>
      <c r="M376" s="8">
        <v>144095573</v>
      </c>
      <c r="N376" s="12">
        <v>-1</v>
      </c>
      <c r="T376" s="25"/>
      <c r="U376" s="25"/>
    </row>
    <row r="377" spans="1:21" ht="99.75" x14ac:dyDescent="0.2">
      <c r="A377" s="8" t="s">
        <v>1150</v>
      </c>
      <c r="B377" s="8">
        <v>0.27638372246575199</v>
      </c>
      <c r="C377" s="8">
        <v>9.7662155871036997</v>
      </c>
      <c r="D377" s="8">
        <v>8.2107253436493703</v>
      </c>
      <c r="E377" s="9">
        <v>4.8770857516691598E-8</v>
      </c>
      <c r="F377" s="10">
        <v>1.824772403577E-7</v>
      </c>
      <c r="G377" s="8">
        <v>6.9194905147496701</v>
      </c>
      <c r="H377" s="8">
        <v>6124</v>
      </c>
      <c r="I377" s="8" t="s">
        <v>1151</v>
      </c>
      <c r="J377" s="11" t="s">
        <v>1152</v>
      </c>
      <c r="K377" s="8">
        <v>15</v>
      </c>
      <c r="L377" s="8">
        <v>66498015</v>
      </c>
      <c r="M377" s="8">
        <v>66524532</v>
      </c>
      <c r="N377" s="12">
        <v>-1</v>
      </c>
      <c r="T377" s="25"/>
      <c r="U377" s="25"/>
    </row>
    <row r="378" spans="1:21" ht="128.25" x14ac:dyDescent="0.2">
      <c r="A378" s="8" t="s">
        <v>1153</v>
      </c>
      <c r="B378" s="8">
        <v>0.42000275248198099</v>
      </c>
      <c r="C378" s="8">
        <v>6.6840402598892297</v>
      </c>
      <c r="D378" s="8">
        <v>8.2055797732103795</v>
      </c>
      <c r="E378" s="9">
        <v>4.9274728732104899E-8</v>
      </c>
      <c r="F378" s="10">
        <v>1.8418091927302601E-7</v>
      </c>
      <c r="G378" s="8">
        <v>7.0672095305658003</v>
      </c>
      <c r="H378" s="8">
        <v>219654</v>
      </c>
      <c r="I378" s="8" t="s">
        <v>1154</v>
      </c>
      <c r="J378" s="11" t="s">
        <v>1155</v>
      </c>
      <c r="K378" s="8">
        <v>10</v>
      </c>
      <c r="L378" s="8">
        <v>79382325</v>
      </c>
      <c r="M378" s="8">
        <v>79445627</v>
      </c>
      <c r="N378" s="12">
        <v>-1</v>
      </c>
      <c r="T378" s="25"/>
      <c r="U378" s="25"/>
    </row>
    <row r="379" spans="1:21" ht="85.5" x14ac:dyDescent="0.2">
      <c r="A379" s="8" t="s">
        <v>1156</v>
      </c>
      <c r="B379" s="8">
        <v>-0.32907723533122502</v>
      </c>
      <c r="C379" s="8">
        <v>7.6054833204781396</v>
      </c>
      <c r="D379" s="8">
        <v>-8.2051413577116801</v>
      </c>
      <c r="E379" s="9">
        <v>4.9317907743120102E-8</v>
      </c>
      <c r="F379" s="10">
        <v>1.8430601324166801E-7</v>
      </c>
      <c r="G379" s="8">
        <v>7.0124801674575297</v>
      </c>
      <c r="H379" s="8">
        <v>2617</v>
      </c>
      <c r="I379" s="8" t="s">
        <v>1157</v>
      </c>
      <c r="J379" s="11" t="s">
        <v>1158</v>
      </c>
      <c r="K379" s="8">
        <v>7</v>
      </c>
      <c r="L379" s="8">
        <v>30594681</v>
      </c>
      <c r="M379" s="8">
        <v>30634033</v>
      </c>
      <c r="N379" s="12">
        <v>1</v>
      </c>
      <c r="T379" s="25"/>
      <c r="U379" s="25"/>
    </row>
    <row r="380" spans="1:21" ht="114" x14ac:dyDescent="0.2">
      <c r="A380" s="8" t="s">
        <v>1159</v>
      </c>
      <c r="B380" s="8">
        <v>0.36030696818253599</v>
      </c>
      <c r="C380" s="8">
        <v>6.4081912301963104</v>
      </c>
      <c r="D380" s="8">
        <v>8.1976576432469894</v>
      </c>
      <c r="E380" s="9">
        <v>5.0061029646403903E-8</v>
      </c>
      <c r="F380" s="10">
        <v>1.8675214460385399E-7</v>
      </c>
      <c r="G380" s="8">
        <v>7.0733954971004103</v>
      </c>
      <c r="H380" s="8">
        <v>11196</v>
      </c>
      <c r="I380" s="8" t="s">
        <v>1160</v>
      </c>
      <c r="J380" s="11" t="s">
        <v>1161</v>
      </c>
      <c r="K380" s="8">
        <v>10</v>
      </c>
      <c r="L380" s="8">
        <v>119892711</v>
      </c>
      <c r="M380" s="8">
        <v>119944658</v>
      </c>
      <c r="N380" s="12">
        <v>1</v>
      </c>
      <c r="T380" s="25"/>
      <c r="U380" s="25"/>
    </row>
    <row r="381" spans="1:21" ht="71.25" x14ac:dyDescent="0.2">
      <c r="A381" s="8" t="s">
        <v>1162</v>
      </c>
      <c r="B381" s="8">
        <v>0.27698929581605902</v>
      </c>
      <c r="C381" s="8">
        <v>7.0741717189866904</v>
      </c>
      <c r="D381" s="8">
        <v>8.1953529936099496</v>
      </c>
      <c r="E381" s="9">
        <v>5.0292200592562699E-8</v>
      </c>
      <c r="F381" s="10">
        <v>1.87467116606769E-7</v>
      </c>
      <c r="G381" s="8">
        <v>7.0203944018217896</v>
      </c>
      <c r="H381" s="8">
        <v>904</v>
      </c>
      <c r="I381" s="8" t="s">
        <v>1163</v>
      </c>
      <c r="J381" s="11" t="s">
        <v>1164</v>
      </c>
      <c r="K381" s="8">
        <v>12</v>
      </c>
      <c r="L381" s="8">
        <v>48688458</v>
      </c>
      <c r="M381" s="8">
        <v>48716998</v>
      </c>
      <c r="N381" s="12">
        <v>-1</v>
      </c>
      <c r="T381" s="25"/>
      <c r="U381" s="25"/>
    </row>
    <row r="382" spans="1:21" ht="128.25" x14ac:dyDescent="0.2">
      <c r="A382" s="8" t="s">
        <v>1165</v>
      </c>
      <c r="B382" s="8">
        <v>0.32417283655162699</v>
      </c>
      <c r="C382" s="8">
        <v>7.8300821439505803</v>
      </c>
      <c r="D382" s="8">
        <v>8.1839092539964398</v>
      </c>
      <c r="E382" s="9">
        <v>5.1456524909432802E-8</v>
      </c>
      <c r="F382" s="10">
        <v>1.91431184710117E-7</v>
      </c>
      <c r="G382" s="8">
        <v>6.9524452502593004</v>
      </c>
      <c r="H382" s="8">
        <v>11100</v>
      </c>
      <c r="I382" s="8" t="s">
        <v>1166</v>
      </c>
      <c r="J382" s="11" t="s">
        <v>1167</v>
      </c>
      <c r="K382" s="8">
        <v>19</v>
      </c>
      <c r="L382" s="8">
        <v>41262496</v>
      </c>
      <c r="M382" s="8">
        <v>41307598</v>
      </c>
      <c r="N382" s="12">
        <v>1</v>
      </c>
      <c r="T382" s="25"/>
      <c r="U382" s="25"/>
    </row>
    <row r="383" spans="1:21" ht="128.25" x14ac:dyDescent="0.2">
      <c r="A383" s="8" t="s">
        <v>1168</v>
      </c>
      <c r="B383" s="8">
        <v>0.41562879644363598</v>
      </c>
      <c r="C383" s="8">
        <v>8.4593452295769698</v>
      </c>
      <c r="D383" s="8">
        <v>8.1804902367107104</v>
      </c>
      <c r="E383" s="9">
        <v>5.1809763699355399E-8</v>
      </c>
      <c r="F383" s="10">
        <v>1.9251887325683701E-7</v>
      </c>
      <c r="G383" s="8">
        <v>6.9116295458599204</v>
      </c>
      <c r="H383" s="8">
        <v>9774</v>
      </c>
      <c r="I383" s="8" t="s">
        <v>1169</v>
      </c>
      <c r="J383" s="11" t="s">
        <v>1170</v>
      </c>
      <c r="K383" s="8">
        <v>6</v>
      </c>
      <c r="L383" s="8">
        <v>136256863</v>
      </c>
      <c r="M383" s="8">
        <v>136289851</v>
      </c>
      <c r="N383" s="12">
        <v>-1</v>
      </c>
      <c r="T383" s="25"/>
      <c r="U383" s="25"/>
    </row>
    <row r="384" spans="1:21" ht="99.75" x14ac:dyDescent="0.2">
      <c r="A384" s="8" t="s">
        <v>1171</v>
      </c>
      <c r="B384" s="8">
        <v>0.51459673951322704</v>
      </c>
      <c r="C384" s="8">
        <v>3.7518440173933998</v>
      </c>
      <c r="D384" s="8">
        <v>8.1329319918646998</v>
      </c>
      <c r="E384" s="9">
        <v>5.6991506432097301E-8</v>
      </c>
      <c r="F384" s="10">
        <v>2.10783047663596E-7</v>
      </c>
      <c r="G384" s="8">
        <v>7.4311988208965296</v>
      </c>
      <c r="H384" s="8">
        <v>54920</v>
      </c>
      <c r="I384" s="8" t="s">
        <v>1172</v>
      </c>
      <c r="J384" s="11" t="s">
        <v>1173</v>
      </c>
      <c r="K384" s="8">
        <v>16</v>
      </c>
      <c r="L384" s="8">
        <v>67987746</v>
      </c>
      <c r="M384" s="8">
        <v>68079320</v>
      </c>
      <c r="N384" s="12">
        <v>1</v>
      </c>
      <c r="T384" s="25"/>
      <c r="U384" s="25"/>
    </row>
    <row r="385" spans="1:21" ht="114" x14ac:dyDescent="0.2">
      <c r="A385" s="8" t="s">
        <v>1174</v>
      </c>
      <c r="B385" s="8">
        <v>0.43336076154421699</v>
      </c>
      <c r="C385" s="8">
        <v>5.6808564402565001</v>
      </c>
      <c r="D385" s="8">
        <v>8.1199774554990807</v>
      </c>
      <c r="E385" s="9">
        <v>5.8493747346700898E-8</v>
      </c>
      <c r="F385" s="10">
        <v>2.15750406880145E-7</v>
      </c>
      <c r="G385" s="8">
        <v>6.9963881183285999</v>
      </c>
      <c r="H385" s="8">
        <v>64118</v>
      </c>
      <c r="I385" s="8" t="s">
        <v>1175</v>
      </c>
      <c r="J385" s="11" t="s">
        <v>1176</v>
      </c>
      <c r="K385" s="8">
        <v>17</v>
      </c>
      <c r="L385" s="8">
        <v>82057506</v>
      </c>
      <c r="M385" s="8">
        <v>82065887</v>
      </c>
      <c r="N385" s="12">
        <v>-1</v>
      </c>
      <c r="T385" s="25"/>
      <c r="U385" s="25"/>
    </row>
    <row r="386" spans="1:21" ht="142.5" x14ac:dyDescent="0.2">
      <c r="A386" s="8" t="s">
        <v>1177</v>
      </c>
      <c r="B386" s="8">
        <v>0.29947712030861601</v>
      </c>
      <c r="C386" s="8">
        <v>5.8724345154139304</v>
      </c>
      <c r="D386" s="8">
        <v>8.0993310871302704</v>
      </c>
      <c r="E386" s="9">
        <v>6.0973037962835204E-8</v>
      </c>
      <c r="F386" s="10">
        <v>2.2441531059362401E-7</v>
      </c>
      <c r="G386" s="8">
        <v>6.92792579496688</v>
      </c>
      <c r="H386" s="8">
        <v>51691</v>
      </c>
      <c r="I386" s="8" t="s">
        <v>1178</v>
      </c>
      <c r="J386" s="11" t="s">
        <v>1179</v>
      </c>
      <c r="K386" s="8">
        <v>7</v>
      </c>
      <c r="L386" s="8">
        <v>118184032</v>
      </c>
      <c r="M386" s="8">
        <v>118192824</v>
      </c>
      <c r="N386" s="12">
        <v>1</v>
      </c>
      <c r="T386" s="25"/>
      <c r="U386" s="25"/>
    </row>
    <row r="387" spans="1:21" ht="114" x14ac:dyDescent="0.2">
      <c r="A387" s="8" t="s">
        <v>1180</v>
      </c>
      <c r="B387" s="8">
        <v>0.40860525445475898</v>
      </c>
      <c r="C387" s="8">
        <v>5.0594068966955996</v>
      </c>
      <c r="D387" s="8">
        <v>8.0919691836789092</v>
      </c>
      <c r="E387" s="9">
        <v>6.1883120217056095E-8</v>
      </c>
      <c r="F387" s="10">
        <v>2.2750018836866999E-7</v>
      </c>
      <c r="G387" s="8">
        <v>7.0437310350707003</v>
      </c>
      <c r="H387" s="8">
        <v>51319</v>
      </c>
      <c r="I387" s="8" t="s">
        <v>1181</v>
      </c>
      <c r="J387" s="11" t="s">
        <v>1182</v>
      </c>
      <c r="K387" s="8">
        <v>3</v>
      </c>
      <c r="L387" s="8">
        <v>158105855</v>
      </c>
      <c r="M387" s="8">
        <v>158545730</v>
      </c>
      <c r="N387" s="12">
        <v>1</v>
      </c>
      <c r="T387" s="25"/>
      <c r="U387" s="25"/>
    </row>
    <row r="388" spans="1:21" ht="142.5" x14ac:dyDescent="0.2">
      <c r="A388" s="8" t="s">
        <v>1183</v>
      </c>
      <c r="B388" s="8">
        <v>0.277676535808421</v>
      </c>
      <c r="C388" s="8">
        <v>8.0453592993260905</v>
      </c>
      <c r="D388" s="8">
        <v>8.08245720239373</v>
      </c>
      <c r="E388" s="9">
        <v>6.3079813700943404E-8</v>
      </c>
      <c r="F388" s="10">
        <v>2.3154073976843401E-7</v>
      </c>
      <c r="G388" s="8">
        <v>6.7306205459262403</v>
      </c>
      <c r="H388" s="8">
        <v>11052</v>
      </c>
      <c r="I388" s="8" t="s">
        <v>1184</v>
      </c>
      <c r="J388" s="11" t="s">
        <v>1185</v>
      </c>
      <c r="K388" s="8">
        <v>12</v>
      </c>
      <c r="L388" s="8">
        <v>69239537</v>
      </c>
      <c r="M388" s="8">
        <v>69274358</v>
      </c>
      <c r="N388" s="12">
        <v>1</v>
      </c>
      <c r="T388" s="25"/>
      <c r="U388" s="25"/>
    </row>
    <row r="389" spans="1:21" ht="71.25" x14ac:dyDescent="0.2">
      <c r="A389" s="8" t="s">
        <v>1186</v>
      </c>
      <c r="B389" s="8">
        <v>0.296893369825941</v>
      </c>
      <c r="C389" s="8">
        <v>9.7408712357343799</v>
      </c>
      <c r="D389" s="8">
        <v>8.08055654857022</v>
      </c>
      <c r="E389" s="9">
        <v>6.3321784524569E-8</v>
      </c>
      <c r="F389" s="10">
        <v>2.32339038074777E-7</v>
      </c>
      <c r="G389" s="8">
        <v>6.6508069110520003</v>
      </c>
      <c r="H389" s="8">
        <v>9782</v>
      </c>
      <c r="I389" s="8" t="s">
        <v>1187</v>
      </c>
      <c r="J389" s="11" t="s">
        <v>1188</v>
      </c>
      <c r="K389" s="8">
        <v>5</v>
      </c>
      <c r="L389" s="8">
        <v>139293648</v>
      </c>
      <c r="M389" s="8">
        <v>139331359</v>
      </c>
      <c r="N389" s="12">
        <v>1</v>
      </c>
      <c r="T389" s="25"/>
      <c r="U389" s="25"/>
    </row>
    <row r="390" spans="1:21" ht="156.75" x14ac:dyDescent="0.2">
      <c r="A390" s="8" t="s">
        <v>1189</v>
      </c>
      <c r="B390" s="8">
        <v>0.43929776462431702</v>
      </c>
      <c r="C390" s="8">
        <v>5.7617339474609004</v>
      </c>
      <c r="D390" s="8">
        <v>8.06843997848007</v>
      </c>
      <c r="E390" s="9">
        <v>6.4887040256093599E-8</v>
      </c>
      <c r="F390" s="10">
        <v>2.37533124584714E-7</v>
      </c>
      <c r="G390" s="8">
        <v>6.8780098264432796</v>
      </c>
      <c r="H390" s="8">
        <v>27000</v>
      </c>
      <c r="I390" s="8" t="s">
        <v>1190</v>
      </c>
      <c r="J390" s="11" t="s">
        <v>1191</v>
      </c>
      <c r="K390" s="8">
        <v>7</v>
      </c>
      <c r="L390" s="8">
        <v>103312474</v>
      </c>
      <c r="M390" s="8">
        <v>103344873</v>
      </c>
      <c r="N390" s="12">
        <v>-1</v>
      </c>
      <c r="T390" s="25"/>
      <c r="U390" s="25"/>
    </row>
    <row r="391" spans="1:21" ht="142.5" x14ac:dyDescent="0.2">
      <c r="A391" s="8" t="s">
        <v>1192</v>
      </c>
      <c r="B391" s="8">
        <v>0.30063434323183202</v>
      </c>
      <c r="C391" s="8">
        <v>6.1396274556699497</v>
      </c>
      <c r="D391" s="8">
        <v>8.0631039251487504</v>
      </c>
      <c r="E391" s="9">
        <v>6.5588990854007399E-8</v>
      </c>
      <c r="F391" s="10">
        <v>2.3996188151850802E-7</v>
      </c>
      <c r="G391" s="8">
        <v>6.8211772423242198</v>
      </c>
      <c r="H391" s="8">
        <v>23185</v>
      </c>
      <c r="I391" s="8" t="s">
        <v>1193</v>
      </c>
      <c r="J391" s="11" t="s">
        <v>1194</v>
      </c>
      <c r="K391" s="8">
        <v>10</v>
      </c>
      <c r="L391" s="8">
        <v>806914</v>
      </c>
      <c r="M391" s="8">
        <v>931705</v>
      </c>
      <c r="N391" s="12">
        <v>-1</v>
      </c>
      <c r="T391" s="25"/>
      <c r="U391" s="25"/>
    </row>
    <row r="392" spans="1:21" ht="114" x14ac:dyDescent="0.2">
      <c r="A392" s="8" t="s">
        <v>1195</v>
      </c>
      <c r="B392" s="8">
        <v>0.37468866033026899</v>
      </c>
      <c r="C392" s="8">
        <v>5.3902296596625998</v>
      </c>
      <c r="D392" s="8">
        <v>8.0589658287270804</v>
      </c>
      <c r="E392" s="9">
        <v>6.6138748343790298E-8</v>
      </c>
      <c r="F392" s="10">
        <v>2.41600582737268E-7</v>
      </c>
      <c r="G392" s="8">
        <v>6.9153364890130504</v>
      </c>
      <c r="H392" s="8">
        <v>85313</v>
      </c>
      <c r="I392" s="8" t="s">
        <v>1196</v>
      </c>
      <c r="J392" s="11" t="s">
        <v>1197</v>
      </c>
      <c r="K392" s="8">
        <v>6</v>
      </c>
      <c r="L392" s="8">
        <v>149504733</v>
      </c>
      <c r="M392" s="8">
        <v>149546038</v>
      </c>
      <c r="N392" s="12">
        <v>-1</v>
      </c>
      <c r="T392" s="25"/>
      <c r="U392" s="25"/>
    </row>
    <row r="393" spans="1:21" ht="71.25" x14ac:dyDescent="0.2">
      <c r="A393" s="8" t="s">
        <v>1198</v>
      </c>
      <c r="B393" s="8">
        <v>-0.34404455710180798</v>
      </c>
      <c r="C393" s="8">
        <v>6.4884318223787298</v>
      </c>
      <c r="D393" s="8">
        <v>-8.0335520470200894</v>
      </c>
      <c r="E393" s="9">
        <v>6.9621039344369299E-8</v>
      </c>
      <c r="F393" s="10">
        <v>2.5329725146435898E-7</v>
      </c>
      <c r="G393" s="8">
        <v>6.7326745058045301</v>
      </c>
      <c r="H393" s="8">
        <v>48</v>
      </c>
      <c r="I393" s="8" t="s">
        <v>1199</v>
      </c>
      <c r="J393" s="11" t="s">
        <v>1200</v>
      </c>
      <c r="K393" s="8">
        <v>9</v>
      </c>
      <c r="L393" s="8">
        <v>32384603</v>
      </c>
      <c r="M393" s="8">
        <v>32454769</v>
      </c>
      <c r="N393" s="12">
        <v>1</v>
      </c>
      <c r="T393" s="25"/>
      <c r="U393" s="25"/>
    </row>
    <row r="394" spans="1:21" ht="128.25" x14ac:dyDescent="0.2">
      <c r="A394" s="8" t="s">
        <v>1201</v>
      </c>
      <c r="B394" s="8">
        <v>0.32825042152004302</v>
      </c>
      <c r="C394" s="8">
        <v>5.5406803223663799</v>
      </c>
      <c r="D394" s="8">
        <v>8.0166087218771196</v>
      </c>
      <c r="E394" s="9">
        <v>7.2047406619523498E-8</v>
      </c>
      <c r="F394" s="10">
        <v>2.6162335159179102E-7</v>
      </c>
      <c r="G394" s="8">
        <v>6.8028919109635604</v>
      </c>
      <c r="H394" s="8">
        <v>25980</v>
      </c>
      <c r="I394" s="8" t="s">
        <v>1202</v>
      </c>
      <c r="J394" s="11" t="s">
        <v>1203</v>
      </c>
      <c r="K394" s="8">
        <v>20</v>
      </c>
      <c r="L394" s="8">
        <v>36236459</v>
      </c>
      <c r="M394" s="8">
        <v>36270918</v>
      </c>
      <c r="N394" s="12">
        <v>1</v>
      </c>
    </row>
    <row r="395" spans="1:21" ht="128.25" x14ac:dyDescent="0.2">
      <c r="A395" s="8" t="s">
        <v>1204</v>
      </c>
      <c r="B395" s="8">
        <v>0.43847749851385498</v>
      </c>
      <c r="C395" s="8">
        <v>3.9845578781506701</v>
      </c>
      <c r="D395" s="8">
        <v>8.0154639230521703</v>
      </c>
      <c r="E395" s="9">
        <v>7.2214464505071694E-8</v>
      </c>
      <c r="F395" s="10">
        <v>2.6217981498235E-7</v>
      </c>
      <c r="G395" s="8">
        <v>7.1284839024722304</v>
      </c>
      <c r="H395" s="8">
        <v>134637</v>
      </c>
      <c r="I395" s="8" t="s">
        <v>1205</v>
      </c>
      <c r="J395" s="11" t="s">
        <v>1206</v>
      </c>
      <c r="K395" s="8">
        <v>6</v>
      </c>
      <c r="L395" s="8">
        <v>143422832</v>
      </c>
      <c r="M395" s="8">
        <v>143450673</v>
      </c>
      <c r="N395" s="12">
        <v>-1</v>
      </c>
      <c r="T395" s="25"/>
      <c r="U395" s="25"/>
    </row>
    <row r="396" spans="1:21" ht="99.75" x14ac:dyDescent="0.2">
      <c r="A396" s="8" t="s">
        <v>1207</v>
      </c>
      <c r="B396" s="8">
        <v>0.39086149778329599</v>
      </c>
      <c r="C396" s="8">
        <v>4.8357068866496</v>
      </c>
      <c r="D396" s="8">
        <v>8.0102306974568407</v>
      </c>
      <c r="E396" s="9">
        <v>7.29832461129924E-8</v>
      </c>
      <c r="F396" s="10">
        <v>2.6466712430465498E-7</v>
      </c>
      <c r="G396" s="8">
        <v>6.9188022434051701</v>
      </c>
      <c r="H396" s="8">
        <v>26589</v>
      </c>
      <c r="I396" s="8" t="s">
        <v>1208</v>
      </c>
      <c r="J396" s="11" t="s">
        <v>1209</v>
      </c>
      <c r="K396" s="8">
        <v>15</v>
      </c>
      <c r="L396" s="8">
        <v>88459476</v>
      </c>
      <c r="M396" s="8">
        <v>88467419</v>
      </c>
      <c r="N396" s="12">
        <v>-1</v>
      </c>
      <c r="T396" s="25"/>
      <c r="U396" s="25"/>
    </row>
    <row r="397" spans="1:21" ht="114" x14ac:dyDescent="0.2">
      <c r="A397" s="8" t="s">
        <v>1210</v>
      </c>
      <c r="B397" s="8">
        <v>0.27285816936753399</v>
      </c>
      <c r="C397" s="8">
        <v>7.3360798754353302</v>
      </c>
      <c r="D397" s="8">
        <v>8.0051931369644898</v>
      </c>
      <c r="E397" s="9">
        <v>7.3731268395914905E-8</v>
      </c>
      <c r="F397" s="10">
        <v>2.6717553567868599E-7</v>
      </c>
      <c r="G397" s="8">
        <v>6.6096804165801402</v>
      </c>
      <c r="H397" s="8">
        <v>6731</v>
      </c>
      <c r="I397" s="8" t="s">
        <v>1211</v>
      </c>
      <c r="J397" s="11" t="s">
        <v>1212</v>
      </c>
      <c r="K397" s="8">
        <v>4</v>
      </c>
      <c r="L397" s="8">
        <v>56466915</v>
      </c>
      <c r="M397" s="8">
        <v>56503680</v>
      </c>
      <c r="N397" s="12">
        <v>1</v>
      </c>
      <c r="T397" s="25"/>
      <c r="U397" s="25"/>
    </row>
    <row r="398" spans="1:21" ht="114" x14ac:dyDescent="0.2">
      <c r="A398" s="8" t="s">
        <v>1213</v>
      </c>
      <c r="B398" s="8">
        <v>0.46205859608688499</v>
      </c>
      <c r="C398" s="8">
        <v>6.0810567933617801</v>
      </c>
      <c r="D398" s="8">
        <v>7.9912997681117304</v>
      </c>
      <c r="E398" s="9">
        <v>7.5835581219390394E-8</v>
      </c>
      <c r="F398" s="10">
        <v>2.7443398642264902E-7</v>
      </c>
      <c r="G398" s="8">
        <v>6.6774312098404103</v>
      </c>
      <c r="H398" s="8">
        <v>54865</v>
      </c>
      <c r="I398" s="8" t="s">
        <v>1214</v>
      </c>
      <c r="J398" s="11" t="s">
        <v>1215</v>
      </c>
      <c r="K398" s="8">
        <v>1</v>
      </c>
      <c r="L398" s="8">
        <v>156594487</v>
      </c>
      <c r="M398" s="8">
        <v>156601496</v>
      </c>
      <c r="N398" s="12">
        <v>-1</v>
      </c>
      <c r="T398" s="25"/>
      <c r="U398" s="25"/>
    </row>
    <row r="399" spans="1:21" x14ac:dyDescent="0.2">
      <c r="A399" s="8" t="s">
        <v>1216</v>
      </c>
      <c r="B399" s="8">
        <v>0.35620893267998399</v>
      </c>
      <c r="C399" s="8">
        <v>5.40304015104123</v>
      </c>
      <c r="D399" s="8">
        <v>7.9891962813263797</v>
      </c>
      <c r="E399" s="9">
        <v>7.6159543039826495E-8</v>
      </c>
      <c r="F399" s="10">
        <v>2.7539627444107999E-7</v>
      </c>
      <c r="G399" s="8">
        <v>6.7677526391772496</v>
      </c>
      <c r="H399" s="8"/>
      <c r="I399" s="8" t="s">
        <v>1217</v>
      </c>
      <c r="J399" s="11"/>
      <c r="K399" s="8">
        <v>2</v>
      </c>
      <c r="L399" s="8">
        <v>99141485</v>
      </c>
      <c r="M399" s="8">
        <v>99322741</v>
      </c>
      <c r="N399" s="12">
        <v>1</v>
      </c>
      <c r="T399" s="25"/>
      <c r="U399" s="25"/>
    </row>
    <row r="400" spans="1:21" ht="142.5" x14ac:dyDescent="0.2">
      <c r="A400" s="8" t="s">
        <v>1218</v>
      </c>
      <c r="B400" s="8">
        <v>0.47323006214240398</v>
      </c>
      <c r="C400" s="8">
        <v>3.91535682812601</v>
      </c>
      <c r="D400" s="8">
        <v>7.9770690843155903</v>
      </c>
      <c r="E400" s="9">
        <v>7.8055347612935998E-8</v>
      </c>
      <c r="F400" s="10">
        <v>2.8150063315292401E-7</v>
      </c>
      <c r="G400" s="8">
        <v>7.0655832706192898</v>
      </c>
      <c r="H400" s="8">
        <v>152992</v>
      </c>
      <c r="I400" s="8" t="s">
        <v>1219</v>
      </c>
      <c r="J400" s="11" t="s">
        <v>1220</v>
      </c>
      <c r="K400" s="8">
        <v>4</v>
      </c>
      <c r="L400" s="8">
        <v>8436140</v>
      </c>
      <c r="M400" s="8">
        <v>8493531</v>
      </c>
      <c r="N400" s="12">
        <v>1</v>
      </c>
      <c r="T400" s="25"/>
      <c r="U400" s="25"/>
    </row>
    <row r="401" spans="1:21" ht="114" x14ac:dyDescent="0.2">
      <c r="A401" s="8" t="s">
        <v>1221</v>
      </c>
      <c r="B401" s="8">
        <v>0.31921868839511403</v>
      </c>
      <c r="C401" s="8">
        <v>5.0530405271882701</v>
      </c>
      <c r="D401" s="8">
        <v>7.9331691325821598</v>
      </c>
      <c r="E401" s="9">
        <v>8.5335388090636199E-8</v>
      </c>
      <c r="F401" s="10">
        <v>3.0612658975349797E-7</v>
      </c>
      <c r="G401" s="8">
        <v>6.7141408018718103</v>
      </c>
      <c r="H401" s="8">
        <v>22927</v>
      </c>
      <c r="I401" s="8" t="s">
        <v>1222</v>
      </c>
      <c r="J401" s="11" t="s">
        <v>1223</v>
      </c>
      <c r="K401" s="8">
        <v>9</v>
      </c>
      <c r="L401" s="8">
        <v>96450201</v>
      </c>
      <c r="M401" s="8">
        <v>96491336</v>
      </c>
      <c r="N401" s="12">
        <v>1</v>
      </c>
    </row>
    <row r="402" spans="1:21" ht="99.75" x14ac:dyDescent="0.2">
      <c r="A402" s="8" t="s">
        <v>1224</v>
      </c>
      <c r="B402" s="8">
        <v>0.30807245075001699</v>
      </c>
      <c r="C402" s="8">
        <v>6.6501528852679899</v>
      </c>
      <c r="D402" s="8">
        <v>7.9302718603376796</v>
      </c>
      <c r="E402" s="9">
        <v>8.5839848840500097E-8</v>
      </c>
      <c r="F402" s="10">
        <v>3.0781988122565599E-7</v>
      </c>
      <c r="G402" s="8">
        <v>6.4973217507092498</v>
      </c>
      <c r="H402" s="8">
        <v>51645</v>
      </c>
      <c r="I402" s="8" t="s">
        <v>1225</v>
      </c>
      <c r="J402" s="11" t="s">
        <v>1226</v>
      </c>
      <c r="K402" s="8">
        <v>6</v>
      </c>
      <c r="L402" s="8">
        <v>36854827</v>
      </c>
      <c r="M402" s="8">
        <v>36875024</v>
      </c>
      <c r="N402" s="12">
        <v>-1</v>
      </c>
      <c r="T402" s="25"/>
      <c r="U402" s="25"/>
    </row>
    <row r="403" spans="1:21" ht="114" x14ac:dyDescent="0.2">
      <c r="A403" s="8" t="s">
        <v>1227</v>
      </c>
      <c r="B403" s="8">
        <v>-0.33890752844889099</v>
      </c>
      <c r="C403" s="8">
        <v>5.9871730199932101</v>
      </c>
      <c r="D403" s="8">
        <v>-7.9296427218241901</v>
      </c>
      <c r="E403" s="9">
        <v>8.5949798006634896E-8</v>
      </c>
      <c r="F403" s="10">
        <v>3.0815592608575702E-7</v>
      </c>
      <c r="G403" s="8">
        <v>6.5684559692110804</v>
      </c>
      <c r="H403" s="8">
        <v>580</v>
      </c>
      <c r="I403" s="8" t="s">
        <v>1228</v>
      </c>
      <c r="J403" s="11" t="s">
        <v>1229</v>
      </c>
      <c r="K403" s="8">
        <v>2</v>
      </c>
      <c r="L403" s="8">
        <v>214725646</v>
      </c>
      <c r="M403" s="8">
        <v>214809711</v>
      </c>
      <c r="N403" s="12">
        <v>-1</v>
      </c>
      <c r="T403" s="25"/>
      <c r="U403" s="25"/>
    </row>
    <row r="404" spans="1:21" ht="99.75" x14ac:dyDescent="0.2">
      <c r="A404" s="8" t="s">
        <v>1230</v>
      </c>
      <c r="B404" s="8">
        <v>-0.37152935631946599</v>
      </c>
      <c r="C404" s="8">
        <v>5.0522917975530097</v>
      </c>
      <c r="D404" s="8">
        <v>-7.9117574983514798</v>
      </c>
      <c r="E404" s="9">
        <v>8.9137024029087899E-8</v>
      </c>
      <c r="F404" s="10">
        <v>3.18440004706325E-7</v>
      </c>
      <c r="G404" s="8">
        <v>6.68471080257686</v>
      </c>
      <c r="H404" s="8">
        <v>8558</v>
      </c>
      <c r="I404" s="8" t="s">
        <v>1231</v>
      </c>
      <c r="J404" s="11" t="s">
        <v>1232</v>
      </c>
      <c r="K404" s="8">
        <v>16</v>
      </c>
      <c r="L404" s="8">
        <v>89680737</v>
      </c>
      <c r="M404" s="8">
        <v>89696364</v>
      </c>
      <c r="N404" s="12">
        <v>1</v>
      </c>
      <c r="T404" s="25"/>
      <c r="U404" s="25"/>
    </row>
    <row r="405" spans="1:21" ht="114" x14ac:dyDescent="0.2">
      <c r="A405" s="8" t="s">
        <v>1233</v>
      </c>
      <c r="B405" s="8">
        <v>0.30580241764622701</v>
      </c>
      <c r="C405" s="8">
        <v>7.7796273444103603</v>
      </c>
      <c r="D405" s="8">
        <v>7.8941418163395198</v>
      </c>
      <c r="E405" s="9">
        <v>9.2395592836840697E-8</v>
      </c>
      <c r="F405" s="10">
        <v>3.2884305425069897E-7</v>
      </c>
      <c r="G405" s="8">
        <v>6.3513066654787496</v>
      </c>
      <c r="H405" s="8">
        <v>58517</v>
      </c>
      <c r="I405" s="8" t="s">
        <v>1234</v>
      </c>
      <c r="J405" s="11" t="s">
        <v>1235</v>
      </c>
      <c r="K405" s="8">
        <v>14</v>
      </c>
      <c r="L405" s="8">
        <v>73058436</v>
      </c>
      <c r="M405" s="8">
        <v>73123898</v>
      </c>
      <c r="N405" s="12">
        <v>1</v>
      </c>
      <c r="T405" s="25"/>
      <c r="U405" s="25"/>
    </row>
    <row r="406" spans="1:21" ht="85.5" x14ac:dyDescent="0.2">
      <c r="A406" s="8" t="s">
        <v>1236</v>
      </c>
      <c r="B406" s="8">
        <v>0.26317259418908301</v>
      </c>
      <c r="C406" s="8">
        <v>8.7512929896908602</v>
      </c>
      <c r="D406" s="8">
        <v>7.8894682288029099</v>
      </c>
      <c r="E406" s="9">
        <v>9.3280587057625502E-8</v>
      </c>
      <c r="F406" s="10">
        <v>3.3180612944565298E-7</v>
      </c>
      <c r="G406" s="8">
        <v>6.2912295054188601</v>
      </c>
      <c r="H406" s="8">
        <v>1495</v>
      </c>
      <c r="I406" s="8" t="s">
        <v>1237</v>
      </c>
      <c r="J406" s="11" t="s">
        <v>1238</v>
      </c>
      <c r="K406" s="8">
        <v>5</v>
      </c>
      <c r="L406" s="8">
        <v>138610967</v>
      </c>
      <c r="M406" s="8">
        <v>138935034</v>
      </c>
      <c r="N406" s="12">
        <v>1</v>
      </c>
      <c r="T406" s="25"/>
      <c r="U406" s="25"/>
    </row>
    <row r="407" spans="1:21" ht="114" x14ac:dyDescent="0.2">
      <c r="A407" s="8" t="s">
        <v>1239</v>
      </c>
      <c r="B407" s="8">
        <v>0.34715666327250899</v>
      </c>
      <c r="C407" s="8">
        <v>5.5711199866632803</v>
      </c>
      <c r="D407" s="8">
        <v>7.8885796036654598</v>
      </c>
      <c r="E407" s="9">
        <v>9.3449845364692404E-8</v>
      </c>
      <c r="F407" s="10">
        <v>3.3234589870422899E-7</v>
      </c>
      <c r="G407" s="8">
        <v>6.5298011043691799</v>
      </c>
      <c r="H407" s="8">
        <v>55783</v>
      </c>
      <c r="I407" s="8" t="s">
        <v>1240</v>
      </c>
      <c r="J407" s="11" t="s">
        <v>1241</v>
      </c>
      <c r="K407" s="8">
        <v>16</v>
      </c>
      <c r="L407" s="8">
        <v>71281389</v>
      </c>
      <c r="M407" s="8">
        <v>71289715</v>
      </c>
      <c r="N407" s="12">
        <v>-1</v>
      </c>
      <c r="T407" s="25"/>
      <c r="U407" s="25"/>
    </row>
    <row r="408" spans="1:21" ht="128.25" x14ac:dyDescent="0.2">
      <c r="A408" s="8" t="s">
        <v>1242</v>
      </c>
      <c r="B408" s="8">
        <v>0.31265329547970699</v>
      </c>
      <c r="C408" s="8">
        <v>7.0169407365547203</v>
      </c>
      <c r="D408" s="8">
        <v>7.8876292441798102</v>
      </c>
      <c r="E408" s="9">
        <v>9.36312131772644E-8</v>
      </c>
      <c r="F408" s="10">
        <v>3.3286615445203201E-7</v>
      </c>
      <c r="G408" s="8">
        <v>6.3825508609472097</v>
      </c>
      <c r="H408" s="8">
        <v>94104</v>
      </c>
      <c r="I408" s="8" t="s">
        <v>1243</v>
      </c>
      <c r="J408" s="11" t="s">
        <v>1244</v>
      </c>
      <c r="K408" s="8">
        <v>21</v>
      </c>
      <c r="L408" s="8">
        <v>32733899</v>
      </c>
      <c r="M408" s="8">
        <v>32771858</v>
      </c>
      <c r="N408" s="12">
        <v>-1</v>
      </c>
    </row>
    <row r="409" spans="1:21" ht="128.25" x14ac:dyDescent="0.2">
      <c r="A409" s="8" t="s">
        <v>1245</v>
      </c>
      <c r="B409" s="8">
        <v>0.417817673450043</v>
      </c>
      <c r="C409" s="8">
        <v>6.2519816690690897</v>
      </c>
      <c r="D409" s="8">
        <v>7.8767095802617701</v>
      </c>
      <c r="E409" s="9">
        <v>9.5741396544607606E-8</v>
      </c>
      <c r="F409" s="10">
        <v>3.39858676061919E-7</v>
      </c>
      <c r="G409" s="8">
        <v>6.4190338037916401</v>
      </c>
      <c r="H409" s="8">
        <v>51018</v>
      </c>
      <c r="I409" s="8" t="s">
        <v>1246</v>
      </c>
      <c r="J409" s="11" t="s">
        <v>1247</v>
      </c>
      <c r="K409" s="8">
        <v>1</v>
      </c>
      <c r="L409" s="8">
        <v>218285287</v>
      </c>
      <c r="M409" s="8">
        <v>218337983</v>
      </c>
      <c r="N409" s="12">
        <v>1</v>
      </c>
      <c r="T409" s="25"/>
      <c r="U409" s="25"/>
    </row>
    <row r="410" spans="1:21" ht="85.5" x14ac:dyDescent="0.2">
      <c r="A410" s="8" t="s">
        <v>1248</v>
      </c>
      <c r="B410" s="8">
        <v>-0.31083801426192598</v>
      </c>
      <c r="C410" s="8">
        <v>6.88699520735888</v>
      </c>
      <c r="D410" s="8">
        <v>-7.8744903159474804</v>
      </c>
      <c r="E410" s="9">
        <v>9.6176229066866803E-8</v>
      </c>
      <c r="F410" s="10">
        <v>3.4108321790355599E-7</v>
      </c>
      <c r="G410" s="8">
        <v>6.3676806058809898</v>
      </c>
      <c r="H410" s="8">
        <v>7430</v>
      </c>
      <c r="I410" s="8" t="s">
        <v>1249</v>
      </c>
      <c r="J410" s="11" t="s">
        <v>1250</v>
      </c>
      <c r="K410" s="8">
        <v>6</v>
      </c>
      <c r="L410" s="8">
        <v>158765741</v>
      </c>
      <c r="M410" s="8">
        <v>158819412</v>
      </c>
      <c r="N410" s="12">
        <v>-1</v>
      </c>
      <c r="T410" s="25"/>
      <c r="U410" s="25"/>
    </row>
    <row r="411" spans="1:21" ht="114" x14ac:dyDescent="0.2">
      <c r="A411" s="8" t="s">
        <v>1251</v>
      </c>
      <c r="B411" s="8">
        <v>0.29994740936144398</v>
      </c>
      <c r="C411" s="8">
        <v>7.72933024892279</v>
      </c>
      <c r="D411" s="8">
        <v>7.8683750095962299</v>
      </c>
      <c r="E411" s="9">
        <v>9.7385012561562805E-8</v>
      </c>
      <c r="F411" s="10">
        <v>3.4517657515516901E-7</v>
      </c>
      <c r="G411" s="8">
        <v>6.2999138548493798</v>
      </c>
      <c r="H411" s="8">
        <v>26156</v>
      </c>
      <c r="I411" s="8" t="s">
        <v>1252</v>
      </c>
      <c r="J411" s="11" t="s">
        <v>1253</v>
      </c>
      <c r="K411" s="8">
        <v>16</v>
      </c>
      <c r="L411" s="8">
        <v>11833850</v>
      </c>
      <c r="M411" s="8">
        <v>11851585</v>
      </c>
      <c r="N411" s="12">
        <v>-1</v>
      </c>
      <c r="T411" s="25"/>
      <c r="U411" s="25"/>
    </row>
    <row r="412" spans="1:21" ht="114" x14ac:dyDescent="0.2">
      <c r="A412" s="8" t="s">
        <v>1254</v>
      </c>
      <c r="B412" s="8">
        <v>0.38994620787670498</v>
      </c>
      <c r="C412" s="8">
        <v>5.2660404731887303</v>
      </c>
      <c r="D412" s="8">
        <v>7.8475330415614497</v>
      </c>
      <c r="E412" s="9">
        <v>1.01623849419962E-7</v>
      </c>
      <c r="F412" s="10">
        <v>3.59261510887224E-7</v>
      </c>
      <c r="G412" s="8">
        <v>6.4938502763725499</v>
      </c>
      <c r="H412" s="8">
        <v>6832</v>
      </c>
      <c r="I412" s="8" t="s">
        <v>1255</v>
      </c>
      <c r="J412" s="11" t="s">
        <v>1256</v>
      </c>
      <c r="K412" s="8">
        <v>10</v>
      </c>
      <c r="L412" s="8">
        <v>69180232</v>
      </c>
      <c r="M412" s="8">
        <v>69209099</v>
      </c>
      <c r="N412" s="12">
        <v>1</v>
      </c>
      <c r="T412" s="25"/>
      <c r="U412" s="25"/>
    </row>
    <row r="413" spans="1:21" ht="142.5" x14ac:dyDescent="0.2">
      <c r="A413" s="8" t="s">
        <v>1257</v>
      </c>
      <c r="B413" s="8">
        <v>0.26661722297676199</v>
      </c>
      <c r="C413" s="8">
        <v>6.9446616621719599</v>
      </c>
      <c r="D413" s="8">
        <v>7.8466895168162099</v>
      </c>
      <c r="E413" s="9">
        <v>1.0179936187563699E-7</v>
      </c>
      <c r="F413" s="10">
        <v>3.5981495442614298E-7</v>
      </c>
      <c r="G413" s="8">
        <v>6.3011237044113804</v>
      </c>
      <c r="H413" s="8">
        <v>6780</v>
      </c>
      <c r="I413" s="8" t="s">
        <v>1258</v>
      </c>
      <c r="J413" s="11" t="s">
        <v>1259</v>
      </c>
      <c r="K413" s="8">
        <v>20</v>
      </c>
      <c r="L413" s="8">
        <v>49113339</v>
      </c>
      <c r="M413" s="8">
        <v>49188367</v>
      </c>
      <c r="N413" s="12">
        <v>-1</v>
      </c>
      <c r="T413" s="25"/>
      <c r="U413" s="25"/>
    </row>
    <row r="414" spans="1:21" ht="142.5" x14ac:dyDescent="0.2">
      <c r="A414" s="8" t="s">
        <v>1260</v>
      </c>
      <c r="B414" s="8">
        <v>0.41798877417976599</v>
      </c>
      <c r="C414" s="8">
        <v>5.1846319431127599</v>
      </c>
      <c r="D414" s="8">
        <v>7.8111264341238096</v>
      </c>
      <c r="E414" s="9">
        <v>1.09490918221391E-7</v>
      </c>
      <c r="F414" s="10">
        <v>3.8470823089934199E-7</v>
      </c>
      <c r="G414" s="8">
        <v>6.4316618881921199</v>
      </c>
      <c r="H414" s="8">
        <v>10813</v>
      </c>
      <c r="I414" s="8" t="s">
        <v>1261</v>
      </c>
      <c r="J414" s="11" t="s">
        <v>1262</v>
      </c>
      <c r="K414" s="8" t="s">
        <v>108</v>
      </c>
      <c r="L414" s="8">
        <v>129906121</v>
      </c>
      <c r="M414" s="8">
        <v>129929761</v>
      </c>
      <c r="N414" s="12">
        <v>1</v>
      </c>
      <c r="T414" s="25"/>
      <c r="U414" s="25"/>
    </row>
    <row r="415" spans="1:21" ht="114" x14ac:dyDescent="0.2">
      <c r="A415" s="8" t="s">
        <v>1263</v>
      </c>
      <c r="B415" s="8">
        <v>0.285711382383113</v>
      </c>
      <c r="C415" s="8">
        <v>8.0268532055040307</v>
      </c>
      <c r="D415" s="8">
        <v>7.80686709317854</v>
      </c>
      <c r="E415" s="9">
        <v>1.1045151567822E-7</v>
      </c>
      <c r="F415" s="10">
        <v>3.87867952077274E-7</v>
      </c>
      <c r="G415" s="8">
        <v>6.1536994938757603</v>
      </c>
      <c r="H415" s="8">
        <v>51663</v>
      </c>
      <c r="I415" s="8" t="s">
        <v>1264</v>
      </c>
      <c r="J415" s="11" t="s">
        <v>1265</v>
      </c>
      <c r="K415" s="8">
        <v>5</v>
      </c>
      <c r="L415" s="8">
        <v>32354350</v>
      </c>
      <c r="M415" s="8">
        <v>32444761</v>
      </c>
      <c r="N415" s="12">
        <v>-1</v>
      </c>
      <c r="T415" s="25"/>
      <c r="U415" s="25"/>
    </row>
    <row r="416" spans="1:21" ht="128.25" x14ac:dyDescent="0.2">
      <c r="A416" s="8" t="s">
        <v>1266</v>
      </c>
      <c r="B416" s="8">
        <v>0.36824261855528401</v>
      </c>
      <c r="C416" s="8">
        <v>6.7225454209707598</v>
      </c>
      <c r="D416" s="8">
        <v>7.7806654214793101</v>
      </c>
      <c r="E416" s="9">
        <v>1.16555141129411E-7</v>
      </c>
      <c r="F416" s="10">
        <v>4.0794299395294001E-7</v>
      </c>
      <c r="G416" s="8">
        <v>6.1763817096043203</v>
      </c>
      <c r="H416" s="8">
        <v>8669</v>
      </c>
      <c r="I416" s="8" t="s">
        <v>1267</v>
      </c>
      <c r="J416" s="11" t="s">
        <v>1268</v>
      </c>
      <c r="K416" s="8">
        <v>15</v>
      </c>
      <c r="L416" s="8">
        <v>44537057</v>
      </c>
      <c r="M416" s="8">
        <v>44563029</v>
      </c>
      <c r="N416" s="12">
        <v>1</v>
      </c>
      <c r="T416" s="25"/>
      <c r="U416" s="25"/>
    </row>
    <row r="417" spans="1:21" ht="128.25" x14ac:dyDescent="0.2">
      <c r="A417" s="8" t="s">
        <v>1269</v>
      </c>
      <c r="B417" s="8">
        <v>0.31034757671938201</v>
      </c>
      <c r="C417" s="8">
        <v>6.75936356760264</v>
      </c>
      <c r="D417" s="8">
        <v>7.7670166865094501</v>
      </c>
      <c r="E417" s="9">
        <v>1.19871412259484E-7</v>
      </c>
      <c r="F417" s="10">
        <v>4.1854641958568901E-7</v>
      </c>
      <c r="G417" s="8">
        <v>6.14499017716581</v>
      </c>
      <c r="H417" s="8">
        <v>51692</v>
      </c>
      <c r="I417" s="8" t="s">
        <v>1270</v>
      </c>
      <c r="J417" s="11" t="s">
        <v>1271</v>
      </c>
      <c r="K417" s="8">
        <v>2</v>
      </c>
      <c r="L417" s="8">
        <v>9423568</v>
      </c>
      <c r="M417" s="8">
        <v>9473101</v>
      </c>
      <c r="N417" s="12">
        <v>1</v>
      </c>
      <c r="T417" s="25"/>
      <c r="U417" s="25"/>
    </row>
    <row r="418" spans="1:21" ht="114" x14ac:dyDescent="0.2">
      <c r="A418" s="8" t="s">
        <v>1272</v>
      </c>
      <c r="B418" s="8">
        <v>-0.92670842223483296</v>
      </c>
      <c r="C418" s="8">
        <v>2.1547669549522599</v>
      </c>
      <c r="D418" s="8">
        <v>-7.7540179620785104</v>
      </c>
      <c r="E418" s="9">
        <v>1.23120291525443E-7</v>
      </c>
      <c r="F418" s="10">
        <v>4.2902199270626802E-7</v>
      </c>
      <c r="G418" s="8">
        <v>7.1122807495991998</v>
      </c>
      <c r="H418" s="8">
        <v>6038</v>
      </c>
      <c r="I418" s="8" t="s">
        <v>1273</v>
      </c>
      <c r="J418" s="11" t="s">
        <v>1274</v>
      </c>
      <c r="K418" s="8">
        <v>14</v>
      </c>
      <c r="L418" s="8">
        <v>20684100</v>
      </c>
      <c r="M418" s="8">
        <v>20701215</v>
      </c>
      <c r="N418" s="12">
        <v>1</v>
      </c>
      <c r="T418" s="25"/>
      <c r="U418" s="25"/>
    </row>
    <row r="419" spans="1:21" ht="128.25" x14ac:dyDescent="0.2">
      <c r="A419" s="8" t="s">
        <v>1275</v>
      </c>
      <c r="B419" s="8">
        <v>0.46335493303370301</v>
      </c>
      <c r="C419" s="8">
        <v>4.7670796748717104</v>
      </c>
      <c r="D419" s="8">
        <v>7.7150173419541899</v>
      </c>
      <c r="E419" s="9">
        <v>1.3342423669079301E-7</v>
      </c>
      <c r="F419" s="10">
        <v>4.6254872847664801E-7</v>
      </c>
      <c r="G419" s="8">
        <v>6.3111998023093303</v>
      </c>
      <c r="H419" s="8">
        <v>23174</v>
      </c>
      <c r="I419" s="8" t="s">
        <v>1276</v>
      </c>
      <c r="J419" s="11" t="s">
        <v>1277</v>
      </c>
      <c r="K419" s="8">
        <v>16</v>
      </c>
      <c r="L419" s="8">
        <v>87406246</v>
      </c>
      <c r="M419" s="8">
        <v>87492045</v>
      </c>
      <c r="N419" s="12">
        <v>-1</v>
      </c>
      <c r="T419" s="25"/>
      <c r="U419" s="25"/>
    </row>
    <row r="420" spans="1:21" ht="99.75" x14ac:dyDescent="0.2">
      <c r="A420" s="8" t="s">
        <v>1278</v>
      </c>
      <c r="B420" s="8">
        <v>0.28013513636840998</v>
      </c>
      <c r="C420" s="8">
        <v>7.5749617414055699</v>
      </c>
      <c r="D420" s="8">
        <v>7.7070431944774702</v>
      </c>
      <c r="E420" s="9">
        <v>1.3563832201916999E-7</v>
      </c>
      <c r="F420" s="10">
        <v>4.6912918331633999E-7</v>
      </c>
      <c r="G420" s="8">
        <v>5.9671454518981797</v>
      </c>
      <c r="H420" s="8">
        <v>6136</v>
      </c>
      <c r="I420" s="8" t="s">
        <v>1279</v>
      </c>
      <c r="J420" s="11" t="s">
        <v>1280</v>
      </c>
      <c r="K420" s="8">
        <v>9</v>
      </c>
      <c r="L420" s="8">
        <v>127447674</v>
      </c>
      <c r="M420" s="8">
        <v>127451405</v>
      </c>
      <c r="N420" s="12">
        <v>-1</v>
      </c>
      <c r="T420" s="25"/>
      <c r="U420" s="25"/>
    </row>
    <row r="421" spans="1:21" ht="114" x14ac:dyDescent="0.2">
      <c r="A421" s="8" t="s">
        <v>1281</v>
      </c>
      <c r="B421" s="8">
        <v>-1.2334057545075801</v>
      </c>
      <c r="C421" s="8">
        <v>1.3730678775402301</v>
      </c>
      <c r="D421" s="8">
        <v>-7.6803734276017304</v>
      </c>
      <c r="E421" s="9">
        <v>1.4332269390046701E-7</v>
      </c>
      <c r="F421" s="10">
        <v>4.9308099386315396E-7</v>
      </c>
      <c r="G421" s="8">
        <v>7.1692330344980997</v>
      </c>
      <c r="H421" s="8" t="s">
        <v>1282</v>
      </c>
      <c r="I421" s="8" t="s">
        <v>1283</v>
      </c>
      <c r="J421" s="11" t="s">
        <v>1284</v>
      </c>
      <c r="K421" s="8">
        <v>17</v>
      </c>
      <c r="L421" s="8">
        <v>82228397</v>
      </c>
      <c r="M421" s="8">
        <v>82261129</v>
      </c>
      <c r="N421" s="12">
        <v>1</v>
      </c>
      <c r="T421" s="25"/>
      <c r="U421" s="25"/>
    </row>
    <row r="422" spans="1:21" ht="128.25" x14ac:dyDescent="0.2">
      <c r="A422" s="8" t="s">
        <v>1285</v>
      </c>
      <c r="B422" s="8">
        <v>-0.39220883175392401</v>
      </c>
      <c r="C422" s="8">
        <v>5.3929192125677501</v>
      </c>
      <c r="D422" s="8">
        <v>-7.67305983684009</v>
      </c>
      <c r="E422" s="9">
        <v>1.4550743244645199E-7</v>
      </c>
      <c r="F422" s="10">
        <v>5.0014391333749502E-7</v>
      </c>
      <c r="G422" s="8">
        <v>6.1164333735023204</v>
      </c>
      <c r="H422" s="8">
        <v>91574</v>
      </c>
      <c r="I422" s="8" t="s">
        <v>1286</v>
      </c>
      <c r="J422" s="11" t="s">
        <v>1287</v>
      </c>
      <c r="K422" s="8">
        <v>12</v>
      </c>
      <c r="L422" s="8">
        <v>123232916</v>
      </c>
      <c r="M422" s="8">
        <v>123257959</v>
      </c>
      <c r="N422" s="12">
        <v>1</v>
      </c>
      <c r="T422" s="25"/>
      <c r="U422" s="25"/>
    </row>
    <row r="423" spans="1:21" ht="128.25" x14ac:dyDescent="0.2">
      <c r="A423" s="8" t="s">
        <v>1288</v>
      </c>
      <c r="B423" s="8">
        <v>0.379504881821427</v>
      </c>
      <c r="C423" s="8">
        <v>6.59303298274894</v>
      </c>
      <c r="D423" s="8">
        <v>7.6679548348227202</v>
      </c>
      <c r="E423" s="9">
        <v>1.4705274614527901E-7</v>
      </c>
      <c r="F423" s="10">
        <v>5.0499818378555096E-7</v>
      </c>
      <c r="G423" s="8">
        <v>5.9465226843263999</v>
      </c>
      <c r="H423" s="8">
        <v>25929</v>
      </c>
      <c r="I423" s="8" t="s">
        <v>1289</v>
      </c>
      <c r="J423" s="11" t="s">
        <v>1290</v>
      </c>
      <c r="K423" s="8">
        <v>5</v>
      </c>
      <c r="L423" s="8">
        <v>154887416</v>
      </c>
      <c r="M423" s="8">
        <v>154938209</v>
      </c>
      <c r="N423" s="12">
        <v>-1</v>
      </c>
      <c r="T423" s="25"/>
      <c r="U423" s="25"/>
    </row>
    <row r="424" spans="1:21" ht="114" x14ac:dyDescent="0.2">
      <c r="A424" s="8" t="s">
        <v>1291</v>
      </c>
      <c r="B424" s="8">
        <v>-0.556421908035579</v>
      </c>
      <c r="C424" s="8">
        <v>4.8164580760689901</v>
      </c>
      <c r="D424" s="8">
        <v>-7.6300989562480002</v>
      </c>
      <c r="E424" s="9">
        <v>1.5905317376002901E-7</v>
      </c>
      <c r="F424" s="10">
        <v>5.4277145809100398E-7</v>
      </c>
      <c r="G424" s="8">
        <v>6.1450633741313396</v>
      </c>
      <c r="H424" s="8">
        <v>55544</v>
      </c>
      <c r="I424" s="8" t="s">
        <v>1292</v>
      </c>
      <c r="J424" s="11" t="s">
        <v>1293</v>
      </c>
      <c r="K424" s="8">
        <v>20</v>
      </c>
      <c r="L424" s="8">
        <v>57391407</v>
      </c>
      <c r="M424" s="8">
        <v>57409333</v>
      </c>
      <c r="N424" s="12">
        <v>1</v>
      </c>
      <c r="T424" s="25"/>
      <c r="U424" s="25"/>
    </row>
    <row r="425" spans="1:21" ht="114" x14ac:dyDescent="0.2">
      <c r="A425" s="8" t="s">
        <v>1294</v>
      </c>
      <c r="B425" s="8">
        <v>0.27569276622274203</v>
      </c>
      <c r="C425" s="8">
        <v>7.3426216188835998</v>
      </c>
      <c r="D425" s="8">
        <v>7.6122250876998798</v>
      </c>
      <c r="E425" s="9">
        <v>1.65065892583375E-7</v>
      </c>
      <c r="F425" s="10">
        <v>5.6207705787811004E-7</v>
      </c>
      <c r="G425" s="8">
        <v>5.7783187083196603</v>
      </c>
      <c r="H425" s="8">
        <v>7329</v>
      </c>
      <c r="I425" s="8" t="s">
        <v>1295</v>
      </c>
      <c r="J425" s="11" t="s">
        <v>1296</v>
      </c>
      <c r="K425" s="8">
        <v>16</v>
      </c>
      <c r="L425" s="8">
        <v>1308880</v>
      </c>
      <c r="M425" s="8">
        <v>1327018</v>
      </c>
      <c r="N425" s="12">
        <v>1</v>
      </c>
      <c r="T425" s="25"/>
      <c r="U425" s="25"/>
    </row>
    <row r="426" spans="1:21" ht="114" x14ac:dyDescent="0.2">
      <c r="A426" s="8" t="s">
        <v>1297</v>
      </c>
      <c r="B426" s="8">
        <v>-0.89198716633249697</v>
      </c>
      <c r="C426" s="8">
        <v>2.7575969586601099</v>
      </c>
      <c r="D426" s="8">
        <v>-7.60633479890366</v>
      </c>
      <c r="E426" s="9">
        <v>1.6709832063990801E-7</v>
      </c>
      <c r="F426" s="10">
        <v>5.6869168414338898E-7</v>
      </c>
      <c r="G426" s="8">
        <v>6.6366882066632202</v>
      </c>
      <c r="H426" s="8">
        <v>26871</v>
      </c>
      <c r="I426" s="8" t="s">
        <v>1298</v>
      </c>
      <c r="J426" s="11" t="s">
        <v>1299</v>
      </c>
      <c r="K426" s="8">
        <v>1</v>
      </c>
      <c r="L426" s="8">
        <v>16514122</v>
      </c>
      <c r="M426" s="8">
        <v>16514285</v>
      </c>
      <c r="N426" s="12">
        <v>-1</v>
      </c>
      <c r="T426" s="25"/>
      <c r="U426" s="25"/>
    </row>
    <row r="427" spans="1:21" ht="156.75" x14ac:dyDescent="0.2">
      <c r="A427" s="8" t="s">
        <v>1300</v>
      </c>
      <c r="B427" s="8">
        <v>0.30560558623227602</v>
      </c>
      <c r="C427" s="8">
        <v>5.3141486907723001</v>
      </c>
      <c r="D427" s="8">
        <v>7.6031890277844001</v>
      </c>
      <c r="E427" s="9">
        <v>1.6819431302420201E-7</v>
      </c>
      <c r="F427" s="10">
        <v>5.7175090777404198E-7</v>
      </c>
      <c r="G427" s="8">
        <v>5.9668614804640603</v>
      </c>
      <c r="H427" s="8">
        <v>79587</v>
      </c>
      <c r="I427" s="8" t="s">
        <v>1301</v>
      </c>
      <c r="J427" s="11" t="s">
        <v>1302</v>
      </c>
      <c r="K427" s="8">
        <v>13</v>
      </c>
      <c r="L427" s="8">
        <v>110641412</v>
      </c>
      <c r="M427" s="8">
        <v>110713603</v>
      </c>
      <c r="N427" s="12">
        <v>-1</v>
      </c>
      <c r="T427" s="25"/>
      <c r="U427" s="25"/>
    </row>
    <row r="428" spans="1:21" ht="128.25" x14ac:dyDescent="0.2">
      <c r="A428" s="8" t="s">
        <v>1303</v>
      </c>
      <c r="B428" s="8">
        <v>0.28900018322160498</v>
      </c>
      <c r="C428" s="8">
        <v>8.8514505098674192</v>
      </c>
      <c r="D428" s="8">
        <v>7.5829630192668596</v>
      </c>
      <c r="E428" s="9">
        <v>1.7542040693187299E-7</v>
      </c>
      <c r="F428" s="10">
        <v>5.9488081886099903E-7</v>
      </c>
      <c r="G428" s="8">
        <v>5.6354662259900996</v>
      </c>
      <c r="H428" s="8">
        <v>10146</v>
      </c>
      <c r="I428" s="8" t="s">
        <v>1304</v>
      </c>
      <c r="J428" s="11" t="s">
        <v>1305</v>
      </c>
      <c r="K428" s="8">
        <v>5</v>
      </c>
      <c r="L428" s="8">
        <v>151771045</v>
      </c>
      <c r="M428" s="8">
        <v>151812785</v>
      </c>
      <c r="N428" s="12">
        <v>1</v>
      </c>
      <c r="T428" s="25"/>
      <c r="U428" s="25"/>
    </row>
    <row r="429" spans="1:21" ht="99.75" x14ac:dyDescent="0.2">
      <c r="A429" s="8" t="s">
        <v>1306</v>
      </c>
      <c r="B429" s="8">
        <v>0.289012305249084</v>
      </c>
      <c r="C429" s="8">
        <v>5.66062616965021</v>
      </c>
      <c r="D429" s="8">
        <v>7.5788882195246403</v>
      </c>
      <c r="E429" s="9">
        <v>1.76914527225894E-7</v>
      </c>
      <c r="F429" s="10">
        <v>5.9951910413674795E-7</v>
      </c>
      <c r="G429" s="8">
        <v>5.8590714101909596</v>
      </c>
      <c r="H429" s="8">
        <v>4204</v>
      </c>
      <c r="I429" s="8" t="s">
        <v>1307</v>
      </c>
      <c r="J429" s="11" t="s">
        <v>1308</v>
      </c>
      <c r="K429" s="8" t="s">
        <v>108</v>
      </c>
      <c r="L429" s="8">
        <v>154021573</v>
      </c>
      <c r="M429" s="8">
        <v>154137103</v>
      </c>
      <c r="N429" s="12">
        <v>-1</v>
      </c>
      <c r="T429" s="25"/>
      <c r="U429" s="25"/>
    </row>
    <row r="430" spans="1:21" ht="128.25" x14ac:dyDescent="0.2">
      <c r="A430" s="8" t="s">
        <v>1309</v>
      </c>
      <c r="B430" s="8">
        <v>-0.79555658017322295</v>
      </c>
      <c r="C430" s="8">
        <v>3.8385544311988</v>
      </c>
      <c r="D430" s="8">
        <v>-7.5623968317419896</v>
      </c>
      <c r="E430" s="9">
        <v>1.8309675166878099E-7</v>
      </c>
      <c r="F430" s="10">
        <v>6.1903207846400404E-7</v>
      </c>
      <c r="G430" s="8">
        <v>6.2497503422542096</v>
      </c>
      <c r="H430" s="8">
        <v>23034</v>
      </c>
      <c r="I430" s="8" t="s">
        <v>1310</v>
      </c>
      <c r="J430" s="11" t="s">
        <v>1311</v>
      </c>
      <c r="K430" s="8">
        <v>14</v>
      </c>
      <c r="L430" s="8">
        <v>54567097</v>
      </c>
      <c r="M430" s="8">
        <v>54793315</v>
      </c>
      <c r="N430" s="12">
        <v>1</v>
      </c>
      <c r="T430" s="25"/>
      <c r="U430" s="25"/>
    </row>
    <row r="431" spans="1:21" ht="114" x14ac:dyDescent="0.2">
      <c r="A431" s="8" t="s">
        <v>1312</v>
      </c>
      <c r="B431" s="8">
        <v>0.32025329305607397</v>
      </c>
      <c r="C431" s="8">
        <v>5.824833165776</v>
      </c>
      <c r="D431" s="8">
        <v>7.53489981120652</v>
      </c>
      <c r="E431" s="9">
        <v>1.93904591807256E-7</v>
      </c>
      <c r="F431" s="10">
        <v>6.5359279551088897E-7</v>
      </c>
      <c r="G431" s="8">
        <v>5.7414412857318098</v>
      </c>
      <c r="H431" s="8">
        <v>60488</v>
      </c>
      <c r="I431" s="8" t="s">
        <v>1313</v>
      </c>
      <c r="J431" s="11" t="s">
        <v>1314</v>
      </c>
      <c r="K431" s="8">
        <v>12</v>
      </c>
      <c r="L431" s="8">
        <v>27710773</v>
      </c>
      <c r="M431" s="8">
        <v>27756295</v>
      </c>
      <c r="N431" s="12">
        <v>1</v>
      </c>
      <c r="T431" s="25"/>
      <c r="U431" s="25"/>
    </row>
    <row r="432" spans="1:21" ht="99.75" x14ac:dyDescent="0.2">
      <c r="A432" s="8" t="s">
        <v>1315</v>
      </c>
      <c r="B432" s="8">
        <v>0.52206675288139603</v>
      </c>
      <c r="C432" s="8">
        <v>6.2008601617994703</v>
      </c>
      <c r="D432" s="8">
        <v>7.5065491231575203</v>
      </c>
      <c r="E432" s="9">
        <v>2.05738216865543E-7</v>
      </c>
      <c r="F432" s="10">
        <v>6.9017043334937597E-7</v>
      </c>
      <c r="G432" s="8">
        <v>5.6357662523907797</v>
      </c>
      <c r="H432" s="8">
        <v>65083</v>
      </c>
      <c r="I432" s="8" t="s">
        <v>1316</v>
      </c>
      <c r="J432" s="11" t="s">
        <v>1317</v>
      </c>
      <c r="K432" s="8">
        <v>9</v>
      </c>
      <c r="L432" s="8">
        <v>33461441</v>
      </c>
      <c r="M432" s="8">
        <v>33473930</v>
      </c>
      <c r="N432" s="12">
        <v>-1</v>
      </c>
      <c r="T432" s="25"/>
      <c r="U432" s="25"/>
    </row>
    <row r="433" spans="1:21" ht="99.75" x14ac:dyDescent="0.2">
      <c r="A433" s="8" t="s">
        <v>1318</v>
      </c>
      <c r="B433" s="8">
        <v>-0.48003874851296902</v>
      </c>
      <c r="C433" s="8">
        <v>5.0154552217501296</v>
      </c>
      <c r="D433" s="8">
        <v>-7.4864655677106002</v>
      </c>
      <c r="E433" s="9">
        <v>2.1456959225380201E-7</v>
      </c>
      <c r="F433" s="10">
        <v>7.1801924743438495E-7</v>
      </c>
      <c r="G433" s="8">
        <v>5.79117354026135</v>
      </c>
      <c r="H433" s="8">
        <v>8165</v>
      </c>
      <c r="I433" s="8" t="s">
        <v>1319</v>
      </c>
      <c r="J433" s="11" t="s">
        <v>1320</v>
      </c>
      <c r="K433" s="8">
        <v>17</v>
      </c>
      <c r="L433" s="8">
        <v>57085092</v>
      </c>
      <c r="M433" s="8">
        <v>57121349</v>
      </c>
      <c r="N433" s="12">
        <v>1</v>
      </c>
      <c r="T433" s="25"/>
      <c r="U433" s="25"/>
    </row>
    <row r="434" spans="1:21" ht="99.75" x14ac:dyDescent="0.2">
      <c r="A434" s="8" t="s">
        <v>1321</v>
      </c>
      <c r="B434" s="8">
        <v>0.36344172776468903</v>
      </c>
      <c r="C434" s="8">
        <v>5.1552171669759801</v>
      </c>
      <c r="D434" s="8">
        <v>7.4694698789657599</v>
      </c>
      <c r="E434" s="9">
        <v>2.2234803469988201E-7</v>
      </c>
      <c r="F434" s="10">
        <v>7.4195510014061098E-7</v>
      </c>
      <c r="G434" s="8">
        <v>5.7077933263200604</v>
      </c>
      <c r="H434" s="8">
        <v>317781</v>
      </c>
      <c r="I434" s="8" t="s">
        <v>1322</v>
      </c>
      <c r="J434" s="11" t="s">
        <v>1323</v>
      </c>
      <c r="K434" s="8">
        <v>12</v>
      </c>
      <c r="L434" s="8">
        <v>132136594</v>
      </c>
      <c r="M434" s="8">
        <v>132144335</v>
      </c>
      <c r="N434" s="12">
        <v>-1</v>
      </c>
      <c r="T434" s="25"/>
    </row>
    <row r="435" spans="1:21" ht="128.25" x14ac:dyDescent="0.2">
      <c r="A435" s="8" t="s">
        <v>1324</v>
      </c>
      <c r="B435" s="8">
        <v>0.35124461196578699</v>
      </c>
      <c r="C435" s="8">
        <v>5.1012391190070003</v>
      </c>
      <c r="D435" s="8">
        <v>7.4647667543024498</v>
      </c>
      <c r="E435" s="9">
        <v>2.2455144130094E-7</v>
      </c>
      <c r="F435" s="10">
        <v>7.4838649483104005E-7</v>
      </c>
      <c r="G435" s="8">
        <v>5.7079143808204797</v>
      </c>
      <c r="H435" s="8">
        <v>8892</v>
      </c>
      <c r="I435" s="8" t="s">
        <v>1325</v>
      </c>
      <c r="J435" s="11" t="s">
        <v>1326</v>
      </c>
      <c r="K435" s="8">
        <v>14</v>
      </c>
      <c r="L435" s="8">
        <v>75002911</v>
      </c>
      <c r="M435" s="8">
        <v>75012366</v>
      </c>
      <c r="N435" s="12">
        <v>1</v>
      </c>
      <c r="T435" s="25"/>
      <c r="U435" s="25"/>
    </row>
    <row r="436" spans="1:21" ht="71.25" x14ac:dyDescent="0.2">
      <c r="A436" s="8" t="s">
        <v>1327</v>
      </c>
      <c r="B436" s="8">
        <v>0.43502237591240001</v>
      </c>
      <c r="C436" s="8">
        <v>5.3135671518698802</v>
      </c>
      <c r="D436" s="8">
        <v>7.4464847699848402</v>
      </c>
      <c r="E436" s="9">
        <v>2.3333249351430001E-7</v>
      </c>
      <c r="F436" s="10">
        <v>7.7547298238544304E-7</v>
      </c>
      <c r="G436" s="8">
        <v>5.6290324788286599</v>
      </c>
      <c r="H436" s="8">
        <v>705</v>
      </c>
      <c r="I436" s="8" t="s">
        <v>1328</v>
      </c>
      <c r="J436" s="11" t="s">
        <v>1329</v>
      </c>
      <c r="K436" s="8">
        <v>6</v>
      </c>
      <c r="L436" s="8">
        <v>41921188</v>
      </c>
      <c r="M436" s="8">
        <v>41933046</v>
      </c>
      <c r="N436" s="12">
        <v>1</v>
      </c>
      <c r="T436" s="25"/>
      <c r="U436" s="25"/>
    </row>
    <row r="437" spans="1:21" ht="99.75" x14ac:dyDescent="0.2">
      <c r="A437" s="8" t="s">
        <v>1330</v>
      </c>
      <c r="B437" s="8">
        <v>0.34411180848783701</v>
      </c>
      <c r="C437" s="8">
        <v>6.39304797748777</v>
      </c>
      <c r="D437" s="8">
        <v>7.4273854407361499</v>
      </c>
      <c r="E437" s="9">
        <v>2.4288472033999599E-7</v>
      </c>
      <c r="F437" s="10">
        <v>8.0482335217253395E-7</v>
      </c>
      <c r="G437" s="8">
        <v>5.4465806188602999</v>
      </c>
      <c r="H437" s="8">
        <v>7536</v>
      </c>
      <c r="I437" s="8" t="s">
        <v>1331</v>
      </c>
      <c r="J437" s="11" t="s">
        <v>1332</v>
      </c>
      <c r="K437" s="8">
        <v>11</v>
      </c>
      <c r="L437" s="8">
        <v>64764606</v>
      </c>
      <c r="M437" s="8">
        <v>64778786</v>
      </c>
      <c r="N437" s="12">
        <v>-1</v>
      </c>
      <c r="T437" s="25"/>
      <c r="U437" s="25"/>
    </row>
    <row r="438" spans="1:21" ht="85.5" x14ac:dyDescent="0.2">
      <c r="A438" s="8" t="s">
        <v>1333</v>
      </c>
      <c r="B438" s="8">
        <v>0.28848540299204301</v>
      </c>
      <c r="C438" s="8">
        <v>9.0459303276309004</v>
      </c>
      <c r="D438" s="8">
        <v>7.4235528008057203</v>
      </c>
      <c r="E438" s="9">
        <v>2.4484960223072099E-7</v>
      </c>
      <c r="F438" s="10">
        <v>8.1062646572442195E-7</v>
      </c>
      <c r="G438" s="8">
        <v>5.2835706697830096</v>
      </c>
      <c r="H438" s="8">
        <v>1665</v>
      </c>
      <c r="I438" s="8" t="s">
        <v>1334</v>
      </c>
      <c r="J438" s="11" t="s">
        <v>1335</v>
      </c>
      <c r="K438" s="8">
        <v>4</v>
      </c>
      <c r="L438" s="8">
        <v>24517441</v>
      </c>
      <c r="M438" s="8">
        <v>24584550</v>
      </c>
      <c r="N438" s="12">
        <v>-1</v>
      </c>
      <c r="T438" s="25"/>
      <c r="U438" s="25"/>
    </row>
    <row r="439" spans="1:21" ht="85.5" x14ac:dyDescent="0.2">
      <c r="A439" s="8" t="s">
        <v>1336</v>
      </c>
      <c r="B439" s="8">
        <v>0.36736588026900102</v>
      </c>
      <c r="C439" s="8">
        <v>5.6153915941638202</v>
      </c>
      <c r="D439" s="8">
        <v>7.4053973961768103</v>
      </c>
      <c r="E439" s="9">
        <v>2.5438233437531E-7</v>
      </c>
      <c r="F439" s="10">
        <v>8.3955018425048099E-7</v>
      </c>
      <c r="G439" s="8">
        <v>5.4913069481260903</v>
      </c>
      <c r="H439" s="8">
        <v>55781</v>
      </c>
      <c r="I439" s="8" t="s">
        <v>1337</v>
      </c>
      <c r="J439" s="11" t="s">
        <v>1338</v>
      </c>
      <c r="K439" s="8">
        <v>5</v>
      </c>
      <c r="L439" s="8">
        <v>97160867</v>
      </c>
      <c r="M439" s="8">
        <v>97183260</v>
      </c>
      <c r="N439" s="12">
        <v>-1</v>
      </c>
      <c r="T439" s="25"/>
      <c r="U439" s="25"/>
    </row>
    <row r="440" spans="1:21" ht="142.5" x14ac:dyDescent="0.2">
      <c r="A440" s="8" t="s">
        <v>1339</v>
      </c>
      <c r="B440" s="8">
        <v>0.30399318539986397</v>
      </c>
      <c r="C440" s="8">
        <v>6.3175938151664903</v>
      </c>
      <c r="D440" s="8">
        <v>7.39423870283757</v>
      </c>
      <c r="E440" s="9">
        <v>2.6043030836868799E-7</v>
      </c>
      <c r="F440" s="10">
        <v>8.5846551362039198E-7</v>
      </c>
      <c r="G440" s="8">
        <v>5.3819482794117004</v>
      </c>
      <c r="H440" s="8">
        <v>8893</v>
      </c>
      <c r="I440" s="8" t="s">
        <v>1340</v>
      </c>
      <c r="J440" s="11" t="s">
        <v>1341</v>
      </c>
      <c r="K440" s="8">
        <v>3</v>
      </c>
      <c r="L440" s="8">
        <v>184135038</v>
      </c>
      <c r="M440" s="8">
        <v>184145311</v>
      </c>
      <c r="N440" s="12">
        <v>1</v>
      </c>
      <c r="T440" s="25"/>
      <c r="U440" s="25"/>
    </row>
    <row r="441" spans="1:21" ht="142.5" x14ac:dyDescent="0.2">
      <c r="A441" s="8" t="s">
        <v>1342</v>
      </c>
      <c r="B441" s="8">
        <v>0.297073917218247</v>
      </c>
      <c r="C441" s="8">
        <v>5.51595685309315</v>
      </c>
      <c r="D441" s="8">
        <v>7.3920751449329396</v>
      </c>
      <c r="E441" s="9">
        <v>2.6161999226658399E-7</v>
      </c>
      <c r="F441" s="10">
        <v>8.6195263513616096E-7</v>
      </c>
      <c r="G441" s="8">
        <v>5.4783266139203404</v>
      </c>
      <c r="H441" s="8">
        <v>84881</v>
      </c>
      <c r="I441" s="8" t="s">
        <v>1343</v>
      </c>
      <c r="J441" s="11" t="s">
        <v>1344</v>
      </c>
      <c r="K441" s="8">
        <v>11</v>
      </c>
      <c r="L441" s="8">
        <v>126202094</v>
      </c>
      <c r="M441" s="8">
        <v>126211692</v>
      </c>
      <c r="N441" s="12">
        <v>-1</v>
      </c>
      <c r="T441" s="25"/>
      <c r="U441" s="25"/>
    </row>
    <row r="442" spans="1:21" ht="156.75" x14ac:dyDescent="0.2">
      <c r="A442" s="8" t="s">
        <v>1345</v>
      </c>
      <c r="B442" s="8">
        <v>0.40197882415232</v>
      </c>
      <c r="C442" s="8">
        <v>4.64599964514173</v>
      </c>
      <c r="D442" s="8">
        <v>7.3684395291881604</v>
      </c>
      <c r="E442" s="9">
        <v>2.7498721788242301E-7</v>
      </c>
      <c r="F442" s="10">
        <v>9.0253068726301503E-7</v>
      </c>
      <c r="G442" s="8">
        <v>5.5936396088184503</v>
      </c>
      <c r="H442" s="8">
        <v>92935</v>
      </c>
      <c r="I442" s="8" t="s">
        <v>1346</v>
      </c>
      <c r="J442" s="11" t="s">
        <v>1347</v>
      </c>
      <c r="K442" s="8">
        <v>2</v>
      </c>
      <c r="L442" s="8">
        <v>197705369</v>
      </c>
      <c r="M442" s="8">
        <v>197708387</v>
      </c>
      <c r="N442" s="12">
        <v>1</v>
      </c>
    </row>
    <row r="443" spans="1:21" ht="114" x14ac:dyDescent="0.2">
      <c r="A443" s="8" t="s">
        <v>1348</v>
      </c>
      <c r="B443" s="8">
        <v>0.279795928472448</v>
      </c>
      <c r="C443" s="8">
        <v>6.1070439834966601</v>
      </c>
      <c r="D443" s="8">
        <v>7.3604628214798202</v>
      </c>
      <c r="E443" s="9">
        <v>2.7965564512907499E-7</v>
      </c>
      <c r="F443" s="10">
        <v>9.1648507793539204E-7</v>
      </c>
      <c r="G443" s="8">
        <v>5.3303189471478296</v>
      </c>
      <c r="H443" s="8">
        <v>23070</v>
      </c>
      <c r="I443" s="8" t="s">
        <v>1349</v>
      </c>
      <c r="J443" s="11" t="s">
        <v>1350</v>
      </c>
      <c r="K443" s="8">
        <v>6</v>
      </c>
      <c r="L443" s="8">
        <v>37433219</v>
      </c>
      <c r="M443" s="8">
        <v>37482827</v>
      </c>
      <c r="N443" s="12">
        <v>1</v>
      </c>
      <c r="T443" s="25"/>
      <c r="U443" s="25"/>
    </row>
    <row r="444" spans="1:21" ht="99.75" x14ac:dyDescent="0.2">
      <c r="A444" s="8" t="s">
        <v>1351</v>
      </c>
      <c r="B444" s="8">
        <v>0.28478273540131999</v>
      </c>
      <c r="C444" s="8">
        <v>8.9407585140372596</v>
      </c>
      <c r="D444" s="8">
        <v>7.3575607031208001</v>
      </c>
      <c r="E444" s="9">
        <v>2.81374319035883E-7</v>
      </c>
      <c r="F444" s="10">
        <v>9.2142199350197696E-7</v>
      </c>
      <c r="G444" s="8">
        <v>5.1449195827719203</v>
      </c>
      <c r="H444" s="8">
        <v>6188</v>
      </c>
      <c r="I444" s="8" t="s">
        <v>1352</v>
      </c>
      <c r="J444" s="11" t="s">
        <v>1353</v>
      </c>
      <c r="K444" s="8">
        <v>11</v>
      </c>
      <c r="L444" s="8">
        <v>75399486</v>
      </c>
      <c r="M444" s="8">
        <v>75422280</v>
      </c>
      <c r="N444" s="12">
        <v>1</v>
      </c>
    </row>
    <row r="445" spans="1:21" ht="156.75" x14ac:dyDescent="0.2">
      <c r="A445" s="8" t="s">
        <v>1354</v>
      </c>
      <c r="B445" s="8">
        <v>-0.413420589326563</v>
      </c>
      <c r="C445" s="8">
        <v>5.0998426062203999</v>
      </c>
      <c r="D445" s="8">
        <v>-7.3135213642301302</v>
      </c>
      <c r="E445" s="9">
        <v>3.0883245749898098E-7</v>
      </c>
      <c r="F445" s="10">
        <v>1.0049234475236899E-6</v>
      </c>
      <c r="G445" s="8">
        <v>5.3969958351521798</v>
      </c>
      <c r="H445" s="8">
        <v>10352</v>
      </c>
      <c r="I445" s="8" t="s">
        <v>1355</v>
      </c>
      <c r="J445" s="11" t="s">
        <v>1356</v>
      </c>
      <c r="K445" s="8">
        <v>1</v>
      </c>
      <c r="L445" s="8">
        <v>119031216</v>
      </c>
      <c r="M445" s="8">
        <v>119140671</v>
      </c>
      <c r="N445" s="12">
        <v>-1</v>
      </c>
      <c r="T445" s="25"/>
      <c r="U445" s="25"/>
    </row>
    <row r="446" spans="1:21" ht="99.75" x14ac:dyDescent="0.2">
      <c r="A446" s="8" t="s">
        <v>1357</v>
      </c>
      <c r="B446" s="8">
        <v>-0.31254637248281503</v>
      </c>
      <c r="C446" s="8">
        <v>7.1943184379666096</v>
      </c>
      <c r="D446" s="8">
        <v>-7.2920087308791697</v>
      </c>
      <c r="E446" s="9">
        <v>3.2323440758378301E-7</v>
      </c>
      <c r="F446" s="10">
        <v>1.0476548851780401E-6</v>
      </c>
      <c r="G446" s="8">
        <v>5.0988344066209397</v>
      </c>
      <c r="H446" s="8">
        <v>8565</v>
      </c>
      <c r="I446" s="8" t="s">
        <v>1358</v>
      </c>
      <c r="J446" s="11" t="s">
        <v>1359</v>
      </c>
      <c r="K446" s="8">
        <v>1</v>
      </c>
      <c r="L446" s="8">
        <v>32775237</v>
      </c>
      <c r="M446" s="8">
        <v>32818153</v>
      </c>
      <c r="N446" s="12">
        <v>-1</v>
      </c>
      <c r="T446" s="25"/>
      <c r="U446" s="25"/>
    </row>
    <row r="447" spans="1:21" ht="114" x14ac:dyDescent="0.2">
      <c r="A447" s="8" t="s">
        <v>1360</v>
      </c>
      <c r="B447" s="8">
        <v>-0.51200481584397695</v>
      </c>
      <c r="C447" s="8">
        <v>5.6775318411638702</v>
      </c>
      <c r="D447" s="8">
        <v>-7.2738742749375502</v>
      </c>
      <c r="E447" s="9">
        <v>3.3591137850386598E-7</v>
      </c>
      <c r="F447" s="10">
        <v>1.08596085687698E-6</v>
      </c>
      <c r="G447" s="8">
        <v>5.2124574115384696</v>
      </c>
      <c r="H447" s="8">
        <v>26173</v>
      </c>
      <c r="I447" s="8" t="s">
        <v>1361</v>
      </c>
      <c r="J447" s="11" t="s">
        <v>1362</v>
      </c>
      <c r="K447" s="8">
        <v>7</v>
      </c>
      <c r="L447" s="8">
        <v>1470277</v>
      </c>
      <c r="M447" s="8">
        <v>1504367</v>
      </c>
      <c r="N447" s="12">
        <v>-1</v>
      </c>
      <c r="T447" s="25"/>
      <c r="U447" s="25"/>
    </row>
    <row r="448" spans="1:21" ht="99.75" x14ac:dyDescent="0.2">
      <c r="A448" s="8" t="s">
        <v>1363</v>
      </c>
      <c r="B448" s="8">
        <v>0.25091064234487498</v>
      </c>
      <c r="C448" s="8">
        <v>10.102567892637101</v>
      </c>
      <c r="D448" s="8">
        <v>7.2447534354003897</v>
      </c>
      <c r="E448" s="9">
        <v>3.5734972992971398E-7</v>
      </c>
      <c r="F448" s="10">
        <v>1.14997894266172E-6</v>
      </c>
      <c r="G448" s="8">
        <v>4.8543230775606103</v>
      </c>
      <c r="H448" s="8">
        <v>6194</v>
      </c>
      <c r="I448" s="8" t="s">
        <v>1364</v>
      </c>
      <c r="J448" s="11" t="s">
        <v>1365</v>
      </c>
      <c r="K448" s="8">
        <v>9</v>
      </c>
      <c r="L448" s="8">
        <v>19375715</v>
      </c>
      <c r="M448" s="8">
        <v>19380254</v>
      </c>
      <c r="N448" s="12">
        <v>-1</v>
      </c>
      <c r="T448" s="25"/>
      <c r="U448" s="25"/>
    </row>
    <row r="449" spans="1:21" ht="85.5" x14ac:dyDescent="0.2">
      <c r="A449" s="8" t="s">
        <v>1366</v>
      </c>
      <c r="B449" s="8">
        <v>-0.31153179854095098</v>
      </c>
      <c r="C449" s="8">
        <v>6.9764760487532698</v>
      </c>
      <c r="D449" s="8">
        <v>-7.2408191543978004</v>
      </c>
      <c r="E449" s="9">
        <v>3.60352259632798E-7</v>
      </c>
      <c r="F449" s="10">
        <v>1.15905166627993E-6</v>
      </c>
      <c r="G449" s="8">
        <v>5.0009835711044301</v>
      </c>
      <c r="H449" s="8">
        <v>4048</v>
      </c>
      <c r="I449" s="8" t="s">
        <v>1367</v>
      </c>
      <c r="J449" s="11" t="s">
        <v>1368</v>
      </c>
      <c r="K449" s="8">
        <v>12</v>
      </c>
      <c r="L449" s="8">
        <v>96000828</v>
      </c>
      <c r="M449" s="8">
        <v>96043520</v>
      </c>
      <c r="N449" s="12">
        <v>-1</v>
      </c>
      <c r="T449" s="25"/>
      <c r="U449" s="25"/>
    </row>
    <row r="450" spans="1:21" ht="99.75" x14ac:dyDescent="0.2">
      <c r="A450" s="8" t="s">
        <v>1369</v>
      </c>
      <c r="B450" s="8">
        <v>0.28701750746498</v>
      </c>
      <c r="C450" s="8">
        <v>6.8021352023852701</v>
      </c>
      <c r="D450" s="8">
        <v>7.23672865089293</v>
      </c>
      <c r="E450" s="9">
        <v>3.6350156404175603E-7</v>
      </c>
      <c r="F450" s="10">
        <v>1.16858702029822E-6</v>
      </c>
      <c r="G450" s="8">
        <v>4.99962087016974</v>
      </c>
      <c r="H450" s="8">
        <v>27336</v>
      </c>
      <c r="I450" s="8" t="s">
        <v>1370</v>
      </c>
      <c r="J450" s="11" t="s">
        <v>1371</v>
      </c>
      <c r="K450" s="8" t="s">
        <v>108</v>
      </c>
      <c r="L450" s="8">
        <v>136497079</v>
      </c>
      <c r="M450" s="8">
        <v>136512346</v>
      </c>
      <c r="N450" s="12">
        <v>1</v>
      </c>
      <c r="T450" s="25"/>
      <c r="U450" s="25"/>
    </row>
    <row r="451" spans="1:21" ht="99.75" x14ac:dyDescent="0.2">
      <c r="A451" s="8" t="s">
        <v>1372</v>
      </c>
      <c r="B451" s="8">
        <v>0.29886177653315799</v>
      </c>
      <c r="C451" s="8">
        <v>7.5507215719012803</v>
      </c>
      <c r="D451" s="8">
        <v>7.2127341233606996</v>
      </c>
      <c r="E451" s="9">
        <v>3.82554484586271E-7</v>
      </c>
      <c r="F451" s="10">
        <v>1.2252719753575801E-6</v>
      </c>
      <c r="G451" s="8">
        <v>4.9007200213183602</v>
      </c>
      <c r="H451" s="8">
        <v>2935</v>
      </c>
      <c r="I451" s="8" t="s">
        <v>1373</v>
      </c>
      <c r="J451" s="11" t="s">
        <v>1374</v>
      </c>
      <c r="K451" s="8">
        <v>16</v>
      </c>
      <c r="L451" s="8">
        <v>11868128</v>
      </c>
      <c r="M451" s="8">
        <v>11916082</v>
      </c>
      <c r="N451" s="12">
        <v>-1</v>
      </c>
      <c r="T451" s="25"/>
      <c r="U451" s="25"/>
    </row>
    <row r="452" spans="1:21" ht="99.75" x14ac:dyDescent="0.2">
      <c r="A452" s="8" t="s">
        <v>1375</v>
      </c>
      <c r="B452" s="8">
        <v>0.27027365315531099</v>
      </c>
      <c r="C452" s="8">
        <v>8.8802473489267406</v>
      </c>
      <c r="D452" s="8">
        <v>7.20700613576403</v>
      </c>
      <c r="E452" s="9">
        <v>3.8725294431875101E-7</v>
      </c>
      <c r="F452" s="10">
        <v>1.2390657771601599E-6</v>
      </c>
      <c r="G452" s="8">
        <v>4.8189356382173703</v>
      </c>
      <c r="H452" s="8">
        <v>6187</v>
      </c>
      <c r="I452" s="8" t="s">
        <v>1376</v>
      </c>
      <c r="J452" s="11" t="s">
        <v>1377</v>
      </c>
      <c r="K452" s="8">
        <v>16</v>
      </c>
      <c r="L452" s="8">
        <v>1962052</v>
      </c>
      <c r="M452" s="8">
        <v>1964860</v>
      </c>
      <c r="N452" s="12">
        <v>-1</v>
      </c>
    </row>
    <row r="453" spans="1:21" ht="99.75" x14ac:dyDescent="0.2">
      <c r="A453" s="8" t="s">
        <v>1378</v>
      </c>
      <c r="B453" s="8">
        <v>0.424836577020822</v>
      </c>
      <c r="C453" s="8">
        <v>4.1632641218210402</v>
      </c>
      <c r="D453" s="8">
        <v>7.2029495152712304</v>
      </c>
      <c r="E453" s="9">
        <v>3.9061634050017301E-7</v>
      </c>
      <c r="F453" s="10">
        <v>1.24898505369365E-6</v>
      </c>
      <c r="G453" s="8">
        <v>5.3467361666053197</v>
      </c>
      <c r="H453" s="8">
        <v>79072</v>
      </c>
      <c r="I453" s="8" t="s">
        <v>1379</v>
      </c>
      <c r="J453" s="11" t="s">
        <v>1380</v>
      </c>
      <c r="K453" s="8">
        <v>5</v>
      </c>
      <c r="L453" s="8">
        <v>7859159</v>
      </c>
      <c r="M453" s="8">
        <v>7869037</v>
      </c>
      <c r="N453" s="12">
        <v>-1</v>
      </c>
      <c r="T453" s="25"/>
      <c r="U453" s="25"/>
    </row>
    <row r="454" spans="1:21" ht="142.5" x14ac:dyDescent="0.2">
      <c r="A454" s="8" t="s">
        <v>1381</v>
      </c>
      <c r="B454" s="8">
        <v>0.34756716764617801</v>
      </c>
      <c r="C454" s="8">
        <v>5.6153161628002701</v>
      </c>
      <c r="D454" s="8">
        <v>7.2016331117407804</v>
      </c>
      <c r="E454" s="9">
        <v>3.9171423799388799E-7</v>
      </c>
      <c r="F454" s="10">
        <v>1.25207362210039E-6</v>
      </c>
      <c r="G454" s="8">
        <v>5.0472943442740004</v>
      </c>
      <c r="H454" s="8">
        <v>26995</v>
      </c>
      <c r="I454" s="8" t="s">
        <v>1382</v>
      </c>
      <c r="J454" s="11" t="s">
        <v>1383</v>
      </c>
      <c r="K454" s="8">
        <v>9</v>
      </c>
      <c r="L454" s="8">
        <v>128305161</v>
      </c>
      <c r="M454" s="8">
        <v>128322742</v>
      </c>
      <c r="N454" s="12">
        <v>-1</v>
      </c>
    </row>
    <row r="455" spans="1:21" ht="128.25" x14ac:dyDescent="0.2">
      <c r="A455" s="8" t="s">
        <v>1384</v>
      </c>
      <c r="B455" s="8">
        <v>0.42629661557031701</v>
      </c>
      <c r="C455" s="8">
        <v>5.52919186355577</v>
      </c>
      <c r="D455" s="8">
        <v>7.2005637835975298</v>
      </c>
      <c r="E455" s="9">
        <v>3.9260840925714498E-7</v>
      </c>
      <c r="F455" s="10">
        <v>1.25429794317725E-6</v>
      </c>
      <c r="G455" s="8">
        <v>5.0579376991806004</v>
      </c>
      <c r="H455" s="8">
        <v>163859</v>
      </c>
      <c r="I455" s="8" t="s">
        <v>1385</v>
      </c>
      <c r="J455" s="11" t="s">
        <v>1386</v>
      </c>
      <c r="K455" s="8">
        <v>1</v>
      </c>
      <c r="L455" s="8">
        <v>225982702</v>
      </c>
      <c r="M455" s="8">
        <v>225999331</v>
      </c>
      <c r="N455" s="12">
        <v>-1</v>
      </c>
      <c r="T455" s="25"/>
      <c r="U455" s="25"/>
    </row>
    <row r="456" spans="1:21" ht="99.75" x14ac:dyDescent="0.2">
      <c r="A456" s="8" t="s">
        <v>1387</v>
      </c>
      <c r="B456" s="8">
        <v>0.290208124524582</v>
      </c>
      <c r="C456" s="8">
        <v>8.1809612566287306</v>
      </c>
      <c r="D456" s="8">
        <v>7.1993695377579803</v>
      </c>
      <c r="E456" s="9">
        <v>3.9360952049515301E-7</v>
      </c>
      <c r="F456" s="10">
        <v>1.2568614959509501E-6</v>
      </c>
      <c r="G456" s="8">
        <v>4.8365265145521601</v>
      </c>
      <c r="H456" s="8">
        <v>6160</v>
      </c>
      <c r="I456" s="8" t="s">
        <v>1388</v>
      </c>
      <c r="J456" s="11" t="s">
        <v>1389</v>
      </c>
      <c r="K456" s="8">
        <v>2</v>
      </c>
      <c r="L456" s="8">
        <v>101001715</v>
      </c>
      <c r="M456" s="8">
        <v>101024032</v>
      </c>
      <c r="N456" s="12">
        <v>1</v>
      </c>
      <c r="T456" s="25"/>
      <c r="U456" s="25"/>
    </row>
    <row r="457" spans="1:21" ht="128.25" x14ac:dyDescent="0.2">
      <c r="A457" s="8" t="s">
        <v>1390</v>
      </c>
      <c r="B457" s="8">
        <v>0.28513818248644901</v>
      </c>
      <c r="C457" s="8">
        <v>8.7401378499127098</v>
      </c>
      <c r="D457" s="8">
        <v>7.1739888117242998</v>
      </c>
      <c r="E457" s="9">
        <v>4.1551847635950099E-7</v>
      </c>
      <c r="F457" s="10">
        <v>1.3223703045236001E-6</v>
      </c>
      <c r="G457" s="8">
        <v>4.75278001169929</v>
      </c>
      <c r="H457" s="8">
        <v>5901</v>
      </c>
      <c r="I457" s="8" t="s">
        <v>1391</v>
      </c>
      <c r="J457" s="11" t="s">
        <v>1392</v>
      </c>
      <c r="K457" s="8">
        <v>12</v>
      </c>
      <c r="L457" s="8">
        <v>130871879</v>
      </c>
      <c r="M457" s="8">
        <v>130877678</v>
      </c>
      <c r="N457" s="12">
        <v>1</v>
      </c>
      <c r="T457" s="25"/>
      <c r="U457" s="25"/>
    </row>
    <row r="458" spans="1:21" ht="114" x14ac:dyDescent="0.2">
      <c r="A458" s="8" t="s">
        <v>1393</v>
      </c>
      <c r="B458" s="8">
        <v>-0.36417645303408902</v>
      </c>
      <c r="C458" s="8">
        <v>5.0377853773489196</v>
      </c>
      <c r="D458" s="8">
        <v>-7.1724007087634201</v>
      </c>
      <c r="E458" s="9">
        <v>4.1693038955364699E-7</v>
      </c>
      <c r="F458" s="10">
        <v>1.32624318304318E-6</v>
      </c>
      <c r="G458" s="8">
        <v>5.0991220556646297</v>
      </c>
      <c r="H458" s="8">
        <v>9208</v>
      </c>
      <c r="I458" s="8" t="s">
        <v>1394</v>
      </c>
      <c r="J458" s="11" t="s">
        <v>1395</v>
      </c>
      <c r="K458" s="8">
        <v>2</v>
      </c>
      <c r="L458" s="8">
        <v>237627576</v>
      </c>
      <c r="M458" s="8">
        <v>237813682</v>
      </c>
      <c r="N458" s="12">
        <v>1</v>
      </c>
      <c r="T458" s="25"/>
      <c r="U458" s="25"/>
    </row>
    <row r="459" spans="1:21" ht="99.75" x14ac:dyDescent="0.2">
      <c r="A459" s="8" t="s">
        <v>1396</v>
      </c>
      <c r="B459" s="8">
        <v>0.57833075967435099</v>
      </c>
      <c r="C459" s="8">
        <v>3.1857374157951499</v>
      </c>
      <c r="D459" s="8">
        <v>7.1696312208214596</v>
      </c>
      <c r="E459" s="9">
        <v>4.1940444606043097E-7</v>
      </c>
      <c r="F459" s="10">
        <v>1.3336189967977201E-6</v>
      </c>
      <c r="G459" s="8">
        <v>5.5271073234479999</v>
      </c>
      <c r="H459" s="8">
        <v>6041</v>
      </c>
      <c r="I459" s="8" t="s">
        <v>1397</v>
      </c>
      <c r="J459" s="11" t="s">
        <v>1398</v>
      </c>
      <c r="K459" s="8">
        <v>1</v>
      </c>
      <c r="L459" s="8">
        <v>182573634</v>
      </c>
      <c r="M459" s="8">
        <v>182589256</v>
      </c>
      <c r="N459" s="12">
        <v>-1</v>
      </c>
      <c r="T459" s="25"/>
      <c r="U459" s="25"/>
    </row>
    <row r="460" spans="1:21" ht="99.75" x14ac:dyDescent="0.2">
      <c r="A460" s="8" t="s">
        <v>1399</v>
      </c>
      <c r="B460" s="8">
        <v>0.28645543230778298</v>
      </c>
      <c r="C460" s="8">
        <v>6.1827030067478699</v>
      </c>
      <c r="D460" s="8">
        <v>7.1669932894614004</v>
      </c>
      <c r="E460" s="9">
        <v>4.2177503062529601E-7</v>
      </c>
      <c r="F460" s="10">
        <v>1.3407076643511301E-6</v>
      </c>
      <c r="G460" s="8">
        <v>4.8995062751876599</v>
      </c>
      <c r="H460" s="8">
        <v>80196</v>
      </c>
      <c r="I460" s="8" t="s">
        <v>1400</v>
      </c>
      <c r="J460" s="11" t="s">
        <v>1401</v>
      </c>
      <c r="K460" s="8">
        <v>12</v>
      </c>
      <c r="L460" s="8">
        <v>121400041</v>
      </c>
      <c r="M460" s="8">
        <v>121430623</v>
      </c>
      <c r="N460" s="12">
        <v>1</v>
      </c>
      <c r="T460" s="25"/>
      <c r="U460" s="25"/>
    </row>
    <row r="461" spans="1:21" ht="99.75" x14ac:dyDescent="0.2">
      <c r="A461" s="8" t="s">
        <v>1402</v>
      </c>
      <c r="B461" s="8">
        <v>0.30889282420335801</v>
      </c>
      <c r="C461" s="8">
        <v>6.1358792619951901</v>
      </c>
      <c r="D461" s="8">
        <v>7.1562969658199096</v>
      </c>
      <c r="E461" s="9">
        <v>4.3152952144663799E-7</v>
      </c>
      <c r="F461" s="10">
        <v>1.36873403451326E-6</v>
      </c>
      <c r="G461" s="8">
        <v>4.8808311689570196</v>
      </c>
      <c r="H461" s="8">
        <v>10884</v>
      </c>
      <c r="I461" s="8" t="s">
        <v>1403</v>
      </c>
      <c r="J461" s="11" t="s">
        <v>1404</v>
      </c>
      <c r="K461" s="8">
        <v>5</v>
      </c>
      <c r="L461" s="8">
        <v>44808925</v>
      </c>
      <c r="M461" s="8">
        <v>44820428</v>
      </c>
      <c r="N461" s="12">
        <v>1</v>
      </c>
      <c r="T461" s="25"/>
      <c r="U461" s="25"/>
    </row>
    <row r="462" spans="1:21" ht="114" x14ac:dyDescent="0.2">
      <c r="A462" s="8" t="s">
        <v>1405</v>
      </c>
      <c r="B462" s="8">
        <v>0.35134248642362698</v>
      </c>
      <c r="C462" s="8">
        <v>6.1744868162478301</v>
      </c>
      <c r="D462" s="8">
        <v>7.1413506692531099</v>
      </c>
      <c r="E462" s="9">
        <v>4.4555014434312797E-7</v>
      </c>
      <c r="F462" s="10">
        <v>1.4104917298635E-6</v>
      </c>
      <c r="G462" s="8">
        <v>4.8436734935285104</v>
      </c>
      <c r="H462" s="8">
        <v>54517</v>
      </c>
      <c r="I462" s="8" t="s">
        <v>1406</v>
      </c>
      <c r="J462" s="11" t="s">
        <v>1407</v>
      </c>
      <c r="K462" s="8">
        <v>7</v>
      </c>
      <c r="L462" s="8">
        <v>105439661</v>
      </c>
      <c r="M462" s="8">
        <v>105522267</v>
      </c>
      <c r="N462" s="12">
        <v>-1</v>
      </c>
      <c r="T462" s="25"/>
      <c r="U462" s="25"/>
    </row>
    <row r="463" spans="1:21" ht="114" x14ac:dyDescent="0.2">
      <c r="A463" s="8" t="s">
        <v>1408</v>
      </c>
      <c r="B463" s="8">
        <v>0.47978958959043499</v>
      </c>
      <c r="C463" s="8">
        <v>4.3268706860939101</v>
      </c>
      <c r="D463" s="8">
        <v>7.1353584584826297</v>
      </c>
      <c r="E463" s="9">
        <v>4.5130211297946402E-7</v>
      </c>
      <c r="F463" s="10">
        <v>1.42715550708404E-6</v>
      </c>
      <c r="G463" s="8">
        <v>5.1579661248327398</v>
      </c>
      <c r="H463" s="8">
        <v>26747</v>
      </c>
      <c r="I463" s="8" t="s">
        <v>1409</v>
      </c>
      <c r="J463" s="11" t="s">
        <v>1410</v>
      </c>
      <c r="K463" s="8">
        <v>13</v>
      </c>
      <c r="L463" s="8">
        <v>44939249</v>
      </c>
      <c r="M463" s="8">
        <v>44989483</v>
      </c>
      <c r="N463" s="12">
        <v>-1</v>
      </c>
      <c r="T463" s="25"/>
      <c r="U463" s="25"/>
    </row>
    <row r="464" spans="1:21" ht="99.75" x14ac:dyDescent="0.2">
      <c r="A464" s="8" t="s">
        <v>1411</v>
      </c>
      <c r="B464" s="8">
        <v>-0.37664996391895</v>
      </c>
      <c r="C464" s="8">
        <v>5.5264405556066496</v>
      </c>
      <c r="D464" s="8">
        <v>-7.1277569924044997</v>
      </c>
      <c r="E464" s="9">
        <v>4.5870894257907199E-7</v>
      </c>
      <c r="F464" s="10">
        <v>1.44960058173273E-6</v>
      </c>
      <c r="G464" s="8">
        <v>4.9118416871485602</v>
      </c>
      <c r="H464" s="8">
        <v>4035</v>
      </c>
      <c r="I464" s="8" t="s">
        <v>1412</v>
      </c>
      <c r="J464" s="11" t="s">
        <v>1413</v>
      </c>
      <c r="K464" s="8">
        <v>12</v>
      </c>
      <c r="L464" s="8">
        <v>57128493</v>
      </c>
      <c r="M464" s="8">
        <v>57213351</v>
      </c>
      <c r="N464" s="12">
        <v>1</v>
      </c>
      <c r="T464" s="25"/>
      <c r="U464" s="25"/>
    </row>
    <row r="465" spans="1:21" ht="99.75" x14ac:dyDescent="0.2">
      <c r="A465" s="8" t="s">
        <v>1414</v>
      </c>
      <c r="B465" s="8">
        <v>0.23079051260662101</v>
      </c>
      <c r="C465" s="8">
        <v>7.6539796152486304</v>
      </c>
      <c r="D465" s="8">
        <v>7.1024617365962204</v>
      </c>
      <c r="E465" s="9">
        <v>4.8426982581921298E-7</v>
      </c>
      <c r="F465" s="10">
        <v>1.5250561706888801E-6</v>
      </c>
      <c r="G465" s="8">
        <v>4.6526491285241702</v>
      </c>
      <c r="H465" s="8">
        <v>11325</v>
      </c>
      <c r="I465" s="8" t="s">
        <v>1415</v>
      </c>
      <c r="J465" s="11" t="s">
        <v>1416</v>
      </c>
      <c r="K465" s="8">
        <v>17</v>
      </c>
      <c r="L465" s="8">
        <v>63773603</v>
      </c>
      <c r="M465" s="8">
        <v>63819317</v>
      </c>
      <c r="N465" s="12">
        <v>1</v>
      </c>
      <c r="T465" s="25"/>
    </row>
    <row r="466" spans="1:21" ht="128.25" x14ac:dyDescent="0.2">
      <c r="A466" s="8" t="s">
        <v>1417</v>
      </c>
      <c r="B466" s="8">
        <v>-0.32713097527999002</v>
      </c>
      <c r="C466" s="8">
        <v>6.0224506785290401</v>
      </c>
      <c r="D466" s="8">
        <v>-7.0865362101507099</v>
      </c>
      <c r="E466" s="9">
        <v>5.0111017257854998E-7</v>
      </c>
      <c r="F466" s="10">
        <v>1.573650131561E-6</v>
      </c>
      <c r="G466" s="8">
        <v>4.7484394780283701</v>
      </c>
      <c r="H466" s="8">
        <v>79042</v>
      </c>
      <c r="I466" s="8" t="s">
        <v>1418</v>
      </c>
      <c r="J466" s="11" t="s">
        <v>1419</v>
      </c>
      <c r="K466" s="8">
        <v>19</v>
      </c>
      <c r="L466" s="8">
        <v>54189938</v>
      </c>
      <c r="M466" s="8">
        <v>54194536</v>
      </c>
      <c r="N466" s="12">
        <v>1</v>
      </c>
      <c r="T466" s="25"/>
      <c r="U466" s="25"/>
    </row>
    <row r="467" spans="1:21" ht="85.5" x14ac:dyDescent="0.2">
      <c r="A467" s="8" t="s">
        <v>1420</v>
      </c>
      <c r="B467" s="8">
        <v>0.35676634648189998</v>
      </c>
      <c r="C467" s="8">
        <v>5.6527478243912999</v>
      </c>
      <c r="D467" s="8">
        <v>7.0841538090728404</v>
      </c>
      <c r="E467" s="9">
        <v>5.0368075365101004E-7</v>
      </c>
      <c r="F467" s="10">
        <v>1.58093775422349E-6</v>
      </c>
      <c r="G467" s="8">
        <v>4.7832239202742501</v>
      </c>
      <c r="H467" s="8">
        <v>6838</v>
      </c>
      <c r="I467" s="8" t="s">
        <v>1421</v>
      </c>
      <c r="J467" s="11" t="s">
        <v>1422</v>
      </c>
      <c r="K467" s="8">
        <v>9</v>
      </c>
      <c r="L467" s="8">
        <v>133328774</v>
      </c>
      <c r="M467" s="8">
        <v>133336398</v>
      </c>
      <c r="N467" s="12">
        <v>-1</v>
      </c>
      <c r="T467" s="25"/>
      <c r="U467" s="25"/>
    </row>
    <row r="468" spans="1:21" ht="99.75" x14ac:dyDescent="0.2">
      <c r="A468" s="8" t="s">
        <v>1423</v>
      </c>
      <c r="B468" s="8">
        <v>0.35874160460968801</v>
      </c>
      <c r="C468" s="8">
        <v>4.9879343793003299</v>
      </c>
      <c r="D468" s="8">
        <v>7.0777867928764602</v>
      </c>
      <c r="E468" s="9">
        <v>5.1061747006488504E-7</v>
      </c>
      <c r="F468" s="10">
        <v>1.6008570509534701E-6</v>
      </c>
      <c r="G468" s="8">
        <v>4.8851578580016897</v>
      </c>
      <c r="H468" s="8">
        <v>57396</v>
      </c>
      <c r="I468" s="8" t="s">
        <v>1424</v>
      </c>
      <c r="J468" s="11" t="s">
        <v>1425</v>
      </c>
      <c r="K468" s="8">
        <v>5</v>
      </c>
      <c r="L468" s="8">
        <v>178602664</v>
      </c>
      <c r="M468" s="8">
        <v>178630615</v>
      </c>
      <c r="N468" s="12">
        <v>-1</v>
      </c>
      <c r="T468" s="25"/>
      <c r="U468" s="25"/>
    </row>
    <row r="469" spans="1:21" ht="99.75" x14ac:dyDescent="0.2">
      <c r="A469" s="8" t="s">
        <v>1426</v>
      </c>
      <c r="B469" s="8">
        <v>-0.27712768186064501</v>
      </c>
      <c r="C469" s="8">
        <v>9.8561468935287397</v>
      </c>
      <c r="D469" s="8">
        <v>-7.0733309144442504</v>
      </c>
      <c r="E469" s="9">
        <v>5.1553044156704999E-7</v>
      </c>
      <c r="F469" s="10">
        <v>1.6157260428766201E-6</v>
      </c>
      <c r="G469" s="8">
        <v>4.4880678315134199</v>
      </c>
      <c r="H469" s="8">
        <v>3006</v>
      </c>
      <c r="I469" s="8" t="s">
        <v>1427</v>
      </c>
      <c r="J469" s="11" t="s">
        <v>1428</v>
      </c>
      <c r="K469" s="8">
        <v>6</v>
      </c>
      <c r="L469" s="8">
        <v>26055787</v>
      </c>
      <c r="M469" s="8">
        <v>26056428</v>
      </c>
      <c r="N469" s="12">
        <v>-1</v>
      </c>
      <c r="T469" s="25"/>
      <c r="U469" s="25"/>
    </row>
    <row r="470" spans="1:21" ht="142.5" x14ac:dyDescent="0.2">
      <c r="A470" s="8" t="s">
        <v>1429</v>
      </c>
      <c r="B470" s="8">
        <v>0.33740385114659999</v>
      </c>
      <c r="C470" s="8">
        <v>6.6100631381010704</v>
      </c>
      <c r="D470" s="8">
        <v>7.0559213797361799</v>
      </c>
      <c r="E470" s="9">
        <v>5.3519678891274605E-7</v>
      </c>
      <c r="F470" s="10">
        <v>1.67266624887964E-6</v>
      </c>
      <c r="G470" s="8">
        <v>4.6156453419216703</v>
      </c>
      <c r="H470" s="8">
        <v>54888</v>
      </c>
      <c r="I470" s="8" t="s">
        <v>1430</v>
      </c>
      <c r="J470" s="11" t="s">
        <v>1431</v>
      </c>
      <c r="K470" s="8">
        <v>5</v>
      </c>
      <c r="L470" s="8">
        <v>6599239</v>
      </c>
      <c r="M470" s="8">
        <v>6633291</v>
      </c>
      <c r="N470" s="12">
        <v>-1</v>
      </c>
      <c r="T470" s="25"/>
      <c r="U470" s="25"/>
    </row>
    <row r="471" spans="1:21" ht="99.75" x14ac:dyDescent="0.2">
      <c r="A471" s="8" t="s">
        <v>1432</v>
      </c>
      <c r="B471" s="8">
        <v>0.40329765631081999</v>
      </c>
      <c r="C471" s="8">
        <v>5.97728696656963</v>
      </c>
      <c r="D471" s="8">
        <v>7.0430728335053496</v>
      </c>
      <c r="E471" s="9">
        <v>5.5020465362023202E-7</v>
      </c>
      <c r="F471" s="10">
        <v>1.7161291100833501E-6</v>
      </c>
      <c r="G471" s="8">
        <v>4.6487656051437698</v>
      </c>
      <c r="H471" s="8">
        <v>4839</v>
      </c>
      <c r="I471" s="8" t="s">
        <v>1433</v>
      </c>
      <c r="J471" s="11" t="s">
        <v>1434</v>
      </c>
      <c r="K471" s="8">
        <v>12</v>
      </c>
      <c r="L471" s="8">
        <v>6556863</v>
      </c>
      <c r="M471" s="8">
        <v>6568691</v>
      </c>
      <c r="N471" s="12">
        <v>-1</v>
      </c>
      <c r="T471" s="25"/>
      <c r="U471" s="25"/>
    </row>
    <row r="472" spans="1:21" ht="71.25" x14ac:dyDescent="0.2">
      <c r="A472" s="8" t="s">
        <v>1435</v>
      </c>
      <c r="B472" s="8">
        <v>-0.28959264274499602</v>
      </c>
      <c r="C472" s="8">
        <v>10.1865280529289</v>
      </c>
      <c r="D472" s="8">
        <v>-7.0409748648731396</v>
      </c>
      <c r="E472" s="9">
        <v>5.5269601439993197E-7</v>
      </c>
      <c r="F472" s="10">
        <v>1.7228173891700901E-6</v>
      </c>
      <c r="G472" s="8">
        <v>4.4046264652145402</v>
      </c>
      <c r="H472" s="8">
        <v>2023</v>
      </c>
      <c r="I472" s="8" t="s">
        <v>1436</v>
      </c>
      <c r="J472" s="11" t="s">
        <v>1437</v>
      </c>
      <c r="K472" s="8">
        <v>1</v>
      </c>
      <c r="L472" s="8">
        <v>8861002</v>
      </c>
      <c r="M472" s="8">
        <v>8879249</v>
      </c>
      <c r="N472" s="12">
        <v>-1</v>
      </c>
      <c r="T472" s="25"/>
      <c r="U472" s="25"/>
    </row>
    <row r="473" spans="1:21" ht="114" x14ac:dyDescent="0.2">
      <c r="A473" s="8" t="s">
        <v>1438</v>
      </c>
      <c r="B473" s="8">
        <v>0.33117613937478302</v>
      </c>
      <c r="C473" s="8">
        <v>5.6684020032491702</v>
      </c>
      <c r="D473" s="8">
        <v>7.0369427352161296</v>
      </c>
      <c r="E473" s="9">
        <v>5.5751684493260399E-7</v>
      </c>
      <c r="F473" s="10">
        <v>1.7369885349345001E-6</v>
      </c>
      <c r="G473" s="8">
        <v>4.6767188750414999</v>
      </c>
      <c r="H473" s="8">
        <v>23211</v>
      </c>
      <c r="I473" s="8" t="s">
        <v>1439</v>
      </c>
      <c r="J473" s="11" t="s">
        <v>1440</v>
      </c>
      <c r="K473" s="8">
        <v>19</v>
      </c>
      <c r="L473" s="8">
        <v>47064187</v>
      </c>
      <c r="M473" s="8">
        <v>47113752</v>
      </c>
      <c r="N473" s="12">
        <v>-1</v>
      </c>
      <c r="T473" s="25"/>
      <c r="U473" s="25"/>
    </row>
    <row r="474" spans="1:21" ht="128.25" x14ac:dyDescent="0.2">
      <c r="A474" s="8" t="s">
        <v>1441</v>
      </c>
      <c r="B474" s="8">
        <v>0.31916838903869799</v>
      </c>
      <c r="C474" s="8">
        <v>5.2655283196067302</v>
      </c>
      <c r="D474" s="8">
        <v>7.0326369165196603</v>
      </c>
      <c r="E474" s="9">
        <v>5.6271267353164398E-7</v>
      </c>
      <c r="F474" s="10">
        <v>1.75136706654588E-6</v>
      </c>
      <c r="G474" s="8">
        <v>4.7329022593918904</v>
      </c>
      <c r="H474" s="8">
        <v>23438</v>
      </c>
      <c r="I474" s="8" t="s">
        <v>1442</v>
      </c>
      <c r="J474" s="11" t="s">
        <v>1443</v>
      </c>
      <c r="K474" s="8">
        <v>5</v>
      </c>
      <c r="L474" s="8">
        <v>140691426</v>
      </c>
      <c r="M474" s="8">
        <v>140699291</v>
      </c>
      <c r="N474" s="12">
        <v>1</v>
      </c>
      <c r="T474" s="25"/>
      <c r="U474" s="25"/>
    </row>
    <row r="475" spans="1:21" ht="99.75" x14ac:dyDescent="0.2">
      <c r="A475" s="8" t="s">
        <v>1444</v>
      </c>
      <c r="B475" s="8">
        <v>0.38949439963729099</v>
      </c>
      <c r="C475" s="8">
        <v>7.3589572713919402</v>
      </c>
      <c r="D475" s="8">
        <v>7.0233707705116801</v>
      </c>
      <c r="E475" s="9">
        <v>5.74063723213057E-7</v>
      </c>
      <c r="F475" s="10">
        <v>1.78327177531743E-6</v>
      </c>
      <c r="G475" s="8">
        <v>4.4941390397427696</v>
      </c>
      <c r="H475" s="8">
        <v>23160</v>
      </c>
      <c r="I475" s="8" t="s">
        <v>1445</v>
      </c>
      <c r="J475" s="11" t="s">
        <v>1446</v>
      </c>
      <c r="K475" s="8">
        <v>2</v>
      </c>
      <c r="L475" s="8">
        <v>28894643</v>
      </c>
      <c r="M475" s="8">
        <v>28948222</v>
      </c>
      <c r="N475" s="12">
        <v>1</v>
      </c>
      <c r="T475" s="25"/>
      <c r="U475" s="25"/>
    </row>
    <row r="476" spans="1:21" ht="99.75" x14ac:dyDescent="0.2">
      <c r="A476" s="8" t="s">
        <v>1447</v>
      </c>
      <c r="B476" s="8">
        <v>0.29202743129596398</v>
      </c>
      <c r="C476" s="8">
        <v>6.6785769815158398</v>
      </c>
      <c r="D476" s="8">
        <v>7.0179045476562401</v>
      </c>
      <c r="E476" s="9">
        <v>5.8087003878147902E-7</v>
      </c>
      <c r="F476" s="10">
        <v>1.8032342100369901E-6</v>
      </c>
      <c r="G476" s="8">
        <v>4.5265030872667804</v>
      </c>
      <c r="H476" s="8">
        <v>134430</v>
      </c>
      <c r="I476" s="8" t="s">
        <v>1448</v>
      </c>
      <c r="J476" s="11" t="s">
        <v>1449</v>
      </c>
      <c r="K476" s="8">
        <v>5</v>
      </c>
      <c r="L476" s="8">
        <v>111091716</v>
      </c>
      <c r="M476" s="8">
        <v>111130502</v>
      </c>
      <c r="N476" s="12">
        <v>1</v>
      </c>
      <c r="T476" s="25"/>
      <c r="U476" s="25"/>
    </row>
    <row r="477" spans="1:21" ht="128.25" x14ac:dyDescent="0.2">
      <c r="A477" s="8" t="s">
        <v>1450</v>
      </c>
      <c r="B477" s="8">
        <v>0.26103971761124001</v>
      </c>
      <c r="C477" s="8">
        <v>8.7447279440432109</v>
      </c>
      <c r="D477" s="8">
        <v>7.0115783102429399</v>
      </c>
      <c r="E477" s="9">
        <v>5.8885091951897998E-7</v>
      </c>
      <c r="F477" s="10">
        <v>1.8259189378613901E-6</v>
      </c>
      <c r="G477" s="8">
        <v>4.3941556677956699</v>
      </c>
      <c r="H477" s="8" t="s">
        <v>1451</v>
      </c>
      <c r="I477" s="8" t="s">
        <v>1452</v>
      </c>
      <c r="J477" s="11" t="s">
        <v>1453</v>
      </c>
      <c r="K477" s="8">
        <v>17</v>
      </c>
      <c r="L477" s="8">
        <v>76734115</v>
      </c>
      <c r="M477" s="8">
        <v>76737374</v>
      </c>
      <c r="N477" s="12">
        <v>-1</v>
      </c>
      <c r="T477" s="25"/>
      <c r="U477" s="25"/>
    </row>
    <row r="478" spans="1:21" ht="142.5" x14ac:dyDescent="0.2">
      <c r="A478" s="8" t="s">
        <v>1454</v>
      </c>
      <c r="B478" s="8">
        <v>0.42266971879019799</v>
      </c>
      <c r="C478" s="8">
        <v>4.6554005111479801</v>
      </c>
      <c r="D478" s="8">
        <v>6.9980131215472596</v>
      </c>
      <c r="E478" s="9">
        <v>6.0634652703704597E-7</v>
      </c>
      <c r="F478" s="10">
        <v>1.8761842562501301E-6</v>
      </c>
      <c r="G478" s="8">
        <v>4.7786186596882798</v>
      </c>
      <c r="H478" s="8">
        <v>10775</v>
      </c>
      <c r="I478" s="8" t="s">
        <v>1455</v>
      </c>
      <c r="J478" s="11" t="s">
        <v>1456</v>
      </c>
      <c r="K478" s="8">
        <v>19</v>
      </c>
      <c r="L478" s="8">
        <v>29604017</v>
      </c>
      <c r="M478" s="8">
        <v>29617237</v>
      </c>
      <c r="N478" s="12">
        <v>1</v>
      </c>
    </row>
    <row r="479" spans="1:21" ht="99.75" x14ac:dyDescent="0.2">
      <c r="A479" s="8" t="s">
        <v>1457</v>
      </c>
      <c r="B479" s="8">
        <v>0.29811157099280999</v>
      </c>
      <c r="C479" s="8">
        <v>5.5723534697284096</v>
      </c>
      <c r="D479" s="8">
        <v>6.9834856586608502</v>
      </c>
      <c r="E479" s="9">
        <v>6.2567693687434804E-7</v>
      </c>
      <c r="F479" s="10">
        <v>1.9319022504172599E-6</v>
      </c>
      <c r="G479" s="8">
        <v>4.5727359255776898</v>
      </c>
      <c r="H479" s="8">
        <v>57721</v>
      </c>
      <c r="I479" s="8" t="s">
        <v>1458</v>
      </c>
      <c r="J479" s="11" t="s">
        <v>1459</v>
      </c>
      <c r="K479" s="8">
        <v>4</v>
      </c>
      <c r="L479" s="8">
        <v>118685368</v>
      </c>
      <c r="M479" s="8">
        <v>118715433</v>
      </c>
      <c r="N479" s="12">
        <v>1</v>
      </c>
      <c r="T479" s="25"/>
      <c r="U479" s="25"/>
    </row>
    <row r="480" spans="1:21" ht="99.75" x14ac:dyDescent="0.2">
      <c r="A480" s="8" t="s">
        <v>1460</v>
      </c>
      <c r="B480" s="8">
        <v>-0.87652560064687002</v>
      </c>
      <c r="C480" s="8">
        <v>1.37278975139694</v>
      </c>
      <c r="D480" s="8">
        <v>-6.9765132286753397</v>
      </c>
      <c r="E480" s="9">
        <v>6.3517848870703002E-7</v>
      </c>
      <c r="F480" s="10">
        <v>1.9593274025021602E-6</v>
      </c>
      <c r="G480" s="8">
        <v>5.6305584041673997</v>
      </c>
      <c r="H480" s="8">
        <v>8635</v>
      </c>
      <c r="I480" s="8" t="s">
        <v>1461</v>
      </c>
      <c r="J480" s="11" t="s">
        <v>1462</v>
      </c>
      <c r="K480" s="8">
        <v>6</v>
      </c>
      <c r="L480" s="8">
        <v>166929504</v>
      </c>
      <c r="M480" s="8">
        <v>166957191</v>
      </c>
      <c r="N480" s="12">
        <v>-1</v>
      </c>
    </row>
    <row r="481" spans="1:21" ht="114" x14ac:dyDescent="0.2">
      <c r="A481" s="8" t="s">
        <v>1463</v>
      </c>
      <c r="B481" s="8">
        <v>0.28350810719998198</v>
      </c>
      <c r="C481" s="8">
        <v>8.5886890610704096</v>
      </c>
      <c r="D481" s="8">
        <v>6.9703862678461803</v>
      </c>
      <c r="E481" s="9">
        <v>6.4365033670270502E-7</v>
      </c>
      <c r="F481" s="10">
        <v>1.9844926790588502E-6</v>
      </c>
      <c r="G481" s="8">
        <v>4.3100492268095802</v>
      </c>
      <c r="H481" s="8">
        <v>3608</v>
      </c>
      <c r="I481" s="8" t="s">
        <v>1464</v>
      </c>
      <c r="J481" s="11" t="s">
        <v>1465</v>
      </c>
      <c r="K481" s="8">
        <v>1</v>
      </c>
      <c r="L481" s="8">
        <v>153661788</v>
      </c>
      <c r="M481" s="8">
        <v>153671048</v>
      </c>
      <c r="N481" s="12">
        <v>-1</v>
      </c>
      <c r="T481" s="25"/>
      <c r="U481" s="25"/>
    </row>
    <row r="482" spans="1:21" ht="99.75" x14ac:dyDescent="0.2">
      <c r="A482" s="8" t="s">
        <v>1466</v>
      </c>
      <c r="B482" s="8">
        <v>0.30844702478100999</v>
      </c>
      <c r="C482" s="8">
        <v>6.5016511064840099</v>
      </c>
      <c r="D482" s="8">
        <v>6.9687726461017503</v>
      </c>
      <c r="E482" s="9">
        <v>6.4590078694188997E-7</v>
      </c>
      <c r="F482" s="10">
        <v>1.9901378850131899E-6</v>
      </c>
      <c r="G482" s="8">
        <v>4.4313131785064996</v>
      </c>
      <c r="H482" s="8">
        <v>54505</v>
      </c>
      <c r="I482" s="8" t="s">
        <v>1467</v>
      </c>
      <c r="J482" s="11" t="s">
        <v>1468</v>
      </c>
      <c r="K482" s="8">
        <v>5</v>
      </c>
      <c r="L482" s="8">
        <v>55256245</v>
      </c>
      <c r="M482" s="8">
        <v>55307722</v>
      </c>
      <c r="N482" s="12">
        <v>-1</v>
      </c>
      <c r="T482" s="25"/>
      <c r="U482" s="25"/>
    </row>
    <row r="483" spans="1:21" ht="142.5" x14ac:dyDescent="0.2">
      <c r="A483" s="8" t="s">
        <v>1469</v>
      </c>
      <c r="B483" s="8">
        <v>0.38308871732113098</v>
      </c>
      <c r="C483" s="8">
        <v>4.9153783872663004</v>
      </c>
      <c r="D483" s="8">
        <v>6.92662243757316</v>
      </c>
      <c r="E483" s="9">
        <v>7.0764251733504502E-7</v>
      </c>
      <c r="F483" s="10">
        <v>2.16421145067964E-6</v>
      </c>
      <c r="G483" s="8">
        <v>4.5644688731255298</v>
      </c>
      <c r="H483" s="8">
        <v>153443</v>
      </c>
      <c r="I483" s="8" t="s">
        <v>1470</v>
      </c>
      <c r="J483" s="11" t="s">
        <v>1471</v>
      </c>
      <c r="K483" s="8">
        <v>5</v>
      </c>
      <c r="L483" s="8">
        <v>121961961</v>
      </c>
      <c r="M483" s="8">
        <v>122075570</v>
      </c>
      <c r="N483" s="12">
        <v>1</v>
      </c>
      <c r="T483" s="25"/>
      <c r="U483" s="25"/>
    </row>
    <row r="484" spans="1:21" ht="99.75" x14ac:dyDescent="0.2">
      <c r="A484" s="8" t="s">
        <v>1472</v>
      </c>
      <c r="B484" s="8">
        <v>0.28265609636480399</v>
      </c>
      <c r="C484" s="8">
        <v>6.07852648000625</v>
      </c>
      <c r="D484" s="8">
        <v>6.9195819914349102</v>
      </c>
      <c r="E484" s="9">
        <v>7.1853236848934796E-7</v>
      </c>
      <c r="F484" s="10">
        <v>2.1957469817749399E-6</v>
      </c>
      <c r="G484" s="8">
        <v>4.36320643874675</v>
      </c>
      <c r="H484" s="8">
        <v>153527</v>
      </c>
      <c r="I484" s="8" t="s">
        <v>1473</v>
      </c>
      <c r="J484" s="11" t="s">
        <v>1474</v>
      </c>
      <c r="K484" s="8">
        <v>5</v>
      </c>
      <c r="L484" s="8">
        <v>140698680</v>
      </c>
      <c r="M484" s="8">
        <v>140706676</v>
      </c>
      <c r="N484" s="12">
        <v>1</v>
      </c>
      <c r="T484" s="25"/>
      <c r="U484" s="25"/>
    </row>
    <row r="485" spans="1:21" ht="99.75" x14ac:dyDescent="0.2">
      <c r="A485" s="8" t="s">
        <v>1475</v>
      </c>
      <c r="B485" s="8">
        <v>0.24729685570549401</v>
      </c>
      <c r="C485" s="8">
        <v>7.6985953702287899</v>
      </c>
      <c r="D485" s="8">
        <v>6.9172985075715401</v>
      </c>
      <c r="E485" s="9">
        <v>7.2210123902964603E-7</v>
      </c>
      <c r="F485" s="10">
        <v>2.20487774948763E-6</v>
      </c>
      <c r="G485" s="8">
        <v>4.2394321696121802</v>
      </c>
      <c r="H485" s="8">
        <v>2058</v>
      </c>
      <c r="I485" s="8" t="s">
        <v>1476</v>
      </c>
      <c r="J485" s="11" t="s">
        <v>1477</v>
      </c>
      <c r="K485" s="8">
        <v>1</v>
      </c>
      <c r="L485" s="8">
        <v>219968601</v>
      </c>
      <c r="M485" s="8">
        <v>220046658</v>
      </c>
      <c r="N485" s="12">
        <v>-1</v>
      </c>
      <c r="T485" s="25"/>
      <c r="U485" s="25"/>
    </row>
    <row r="486" spans="1:21" ht="99.75" x14ac:dyDescent="0.2">
      <c r="A486" s="8" t="s">
        <v>1478</v>
      </c>
      <c r="B486" s="8">
        <v>0.30047803061730199</v>
      </c>
      <c r="C486" s="8">
        <v>8.3815063656531699</v>
      </c>
      <c r="D486" s="8">
        <v>6.9151437349891598</v>
      </c>
      <c r="E486" s="9">
        <v>7.2548565628742701E-7</v>
      </c>
      <c r="F486" s="10">
        <v>2.21485542139101E-6</v>
      </c>
      <c r="G486" s="8">
        <v>4.1973822886166499</v>
      </c>
      <c r="H486" s="8">
        <v>6155</v>
      </c>
      <c r="I486" s="8" t="s">
        <v>1479</v>
      </c>
      <c r="J486" s="11" t="s">
        <v>1480</v>
      </c>
      <c r="K486" s="8">
        <v>17</v>
      </c>
      <c r="L486" s="8">
        <v>42998273</v>
      </c>
      <c r="M486" s="8">
        <v>43002959</v>
      </c>
      <c r="N486" s="12">
        <v>1</v>
      </c>
      <c r="T486" s="25"/>
      <c r="U486" s="25"/>
    </row>
    <row r="487" spans="1:21" ht="114" x14ac:dyDescent="0.2">
      <c r="A487" s="8" t="s">
        <v>1481</v>
      </c>
      <c r="B487" s="8">
        <v>0.28437056860784599</v>
      </c>
      <c r="C487" s="8">
        <v>6.8509936398835602</v>
      </c>
      <c r="D487" s="8">
        <v>6.9029490804874998</v>
      </c>
      <c r="E487" s="9">
        <v>7.4494898906577697E-7</v>
      </c>
      <c r="F487" s="10">
        <v>2.27062270566997E-6</v>
      </c>
      <c r="G487" s="8">
        <v>4.2587154195664096</v>
      </c>
      <c r="H487" s="8">
        <v>84248</v>
      </c>
      <c r="I487" s="8" t="s">
        <v>1482</v>
      </c>
      <c r="J487" s="11" t="s">
        <v>1483</v>
      </c>
      <c r="K487" s="8">
        <v>3</v>
      </c>
      <c r="L487" s="8">
        <v>197737179</v>
      </c>
      <c r="M487" s="8">
        <v>197787596</v>
      </c>
      <c r="N487" s="12">
        <v>1</v>
      </c>
      <c r="T487" s="25"/>
      <c r="U487" s="25"/>
    </row>
    <row r="488" spans="1:21" ht="156.75" x14ac:dyDescent="0.2">
      <c r="A488" s="8" t="s">
        <v>1484</v>
      </c>
      <c r="B488" s="8">
        <v>0.38177903032398602</v>
      </c>
      <c r="C488" s="8">
        <v>6.3944037360019701</v>
      </c>
      <c r="D488" s="8">
        <v>6.8896806656785996</v>
      </c>
      <c r="E488" s="9">
        <v>7.6673673633616203E-7</v>
      </c>
      <c r="F488" s="10">
        <v>2.3325365574625402E-6</v>
      </c>
      <c r="G488" s="8">
        <v>4.2642570299187303</v>
      </c>
      <c r="H488" s="8">
        <v>23345</v>
      </c>
      <c r="I488" s="8" t="s">
        <v>1485</v>
      </c>
      <c r="J488" s="11" t="s">
        <v>1486</v>
      </c>
      <c r="K488" s="8">
        <v>6</v>
      </c>
      <c r="L488" s="8">
        <v>152121684</v>
      </c>
      <c r="M488" s="8">
        <v>152637801</v>
      </c>
      <c r="N488" s="12">
        <v>-1</v>
      </c>
      <c r="T488" s="25"/>
      <c r="U488" s="25"/>
    </row>
    <row r="489" spans="1:21" ht="85.5" x14ac:dyDescent="0.2">
      <c r="A489" s="8" t="s">
        <v>1487</v>
      </c>
      <c r="B489" s="8">
        <v>0.32578884193256102</v>
      </c>
      <c r="C489" s="8">
        <v>5.0213894036162499</v>
      </c>
      <c r="D489" s="8">
        <v>6.8815381503841202</v>
      </c>
      <c r="E489" s="9">
        <v>7.80430639392495E-7</v>
      </c>
      <c r="F489" s="10">
        <v>2.3688791176825602E-6</v>
      </c>
      <c r="G489" s="8">
        <v>4.44305585140415</v>
      </c>
      <c r="H489" s="8">
        <v>10081</v>
      </c>
      <c r="I489" s="8" t="s">
        <v>1488</v>
      </c>
      <c r="J489" s="11" t="s">
        <v>1489</v>
      </c>
      <c r="K489" s="8">
        <v>15</v>
      </c>
      <c r="L489" s="8">
        <v>65117379</v>
      </c>
      <c r="M489" s="8">
        <v>65133836</v>
      </c>
      <c r="N489" s="12">
        <v>-1</v>
      </c>
      <c r="T489" s="25"/>
      <c r="U489" s="25"/>
    </row>
    <row r="490" spans="1:21" ht="128.25" x14ac:dyDescent="0.2">
      <c r="A490" s="8" t="s">
        <v>1490</v>
      </c>
      <c r="B490" s="8">
        <v>0.40506612203847597</v>
      </c>
      <c r="C490" s="8">
        <v>4.5309343322009896</v>
      </c>
      <c r="D490" s="8">
        <v>6.8669382838552098</v>
      </c>
      <c r="E490" s="9">
        <v>8.0561722189082303E-7</v>
      </c>
      <c r="F490" s="10">
        <v>2.4425943473114202E-6</v>
      </c>
      <c r="G490" s="8">
        <v>4.5152785642374997</v>
      </c>
      <c r="H490" s="8">
        <v>54482</v>
      </c>
      <c r="I490" s="8" t="s">
        <v>1491</v>
      </c>
      <c r="J490" s="11" t="s">
        <v>1492</v>
      </c>
      <c r="K490" s="8">
        <v>1</v>
      </c>
      <c r="L490" s="8">
        <v>100133150</v>
      </c>
      <c r="M490" s="8">
        <v>100150497</v>
      </c>
      <c r="N490" s="12">
        <v>1</v>
      </c>
      <c r="T490" s="25"/>
      <c r="U490" s="25"/>
    </row>
    <row r="491" spans="1:21" ht="99.75" x14ac:dyDescent="0.2">
      <c r="A491" s="8" t="s">
        <v>1493</v>
      </c>
      <c r="B491" s="8">
        <v>0.286784628501419</v>
      </c>
      <c r="C491" s="8">
        <v>6.6721304687111802</v>
      </c>
      <c r="D491" s="8">
        <v>6.8637666129249899</v>
      </c>
      <c r="E491" s="9">
        <v>8.1119832352537802E-7</v>
      </c>
      <c r="F491" s="10">
        <v>2.45794516773768E-6</v>
      </c>
      <c r="G491" s="8">
        <v>4.1838858824752103</v>
      </c>
      <c r="H491" s="8">
        <v>7150</v>
      </c>
      <c r="I491" s="8" t="s">
        <v>1494</v>
      </c>
      <c r="J491" s="11" t="s">
        <v>1495</v>
      </c>
      <c r="K491" s="8">
        <v>20</v>
      </c>
      <c r="L491" s="8">
        <v>41028818</v>
      </c>
      <c r="M491" s="8">
        <v>41124487</v>
      </c>
      <c r="N491" s="12">
        <v>1</v>
      </c>
      <c r="T491" s="25"/>
      <c r="U491" s="25"/>
    </row>
    <row r="492" spans="1:21" ht="71.25" x14ac:dyDescent="0.2">
      <c r="A492" s="8" t="s">
        <v>1496</v>
      </c>
      <c r="B492" s="8">
        <v>0.27662683989139902</v>
      </c>
      <c r="C492" s="8">
        <v>10.0769529108555</v>
      </c>
      <c r="D492" s="8">
        <v>6.8463662918875503</v>
      </c>
      <c r="E492" s="9">
        <v>8.4253202965287999E-7</v>
      </c>
      <c r="F492" s="10">
        <v>2.5463816414592601E-6</v>
      </c>
      <c r="G492" s="8">
        <v>3.9734036840407101</v>
      </c>
      <c r="H492" s="8">
        <v>4691</v>
      </c>
      <c r="I492" s="8" t="s">
        <v>1497</v>
      </c>
      <c r="J492" s="11" t="s">
        <v>1498</v>
      </c>
      <c r="K492" s="8">
        <v>2</v>
      </c>
      <c r="L492" s="8">
        <v>231453531</v>
      </c>
      <c r="M492" s="8">
        <v>231483641</v>
      </c>
      <c r="N492" s="12">
        <v>-1</v>
      </c>
      <c r="T492" s="25"/>
      <c r="U492" s="25"/>
    </row>
    <row r="493" spans="1:21" ht="85.5" x14ac:dyDescent="0.2">
      <c r="A493" s="8" t="s">
        <v>1499</v>
      </c>
      <c r="B493" s="8">
        <v>0.24599010435660601</v>
      </c>
      <c r="C493" s="8">
        <v>7.5127162080565597</v>
      </c>
      <c r="D493" s="8">
        <v>6.8397997832115403</v>
      </c>
      <c r="E493" s="9">
        <v>8.5467757523950102E-7</v>
      </c>
      <c r="F493" s="10">
        <v>2.5799970890818901E-6</v>
      </c>
      <c r="G493" s="8">
        <v>4.0769342273782199</v>
      </c>
      <c r="H493" s="8">
        <v>8539</v>
      </c>
      <c r="I493" s="8" t="s">
        <v>1500</v>
      </c>
      <c r="J493" s="11" t="s">
        <v>1501</v>
      </c>
      <c r="K493" s="8">
        <v>11</v>
      </c>
      <c r="L493" s="8">
        <v>43311963</v>
      </c>
      <c r="M493" s="8">
        <v>43344529</v>
      </c>
      <c r="N493" s="12">
        <v>1</v>
      </c>
      <c r="T493" s="25"/>
      <c r="U493" s="25"/>
    </row>
    <row r="494" spans="1:21" ht="114" x14ac:dyDescent="0.2">
      <c r="A494" s="8" t="s">
        <v>1502</v>
      </c>
      <c r="B494" s="8">
        <v>0.41428047855026701</v>
      </c>
      <c r="C494" s="8">
        <v>4.6983071043108096</v>
      </c>
      <c r="D494" s="8">
        <v>6.8368976589106802</v>
      </c>
      <c r="E494" s="9">
        <v>8.60102588771935E-7</v>
      </c>
      <c r="F494" s="10">
        <v>2.5936046716670399E-6</v>
      </c>
      <c r="G494" s="8">
        <v>4.4103141813617501</v>
      </c>
      <c r="H494" s="8">
        <v>51650</v>
      </c>
      <c r="I494" s="8" t="s">
        <v>1503</v>
      </c>
      <c r="J494" s="11" t="s">
        <v>1504</v>
      </c>
      <c r="K494" s="8">
        <v>7</v>
      </c>
      <c r="L494" s="8">
        <v>141002610</v>
      </c>
      <c r="M494" s="8">
        <v>141015228</v>
      </c>
      <c r="N494" s="12">
        <v>-1</v>
      </c>
    </row>
    <row r="495" spans="1:21" ht="114" x14ac:dyDescent="0.2">
      <c r="A495" s="8" t="s">
        <v>1505</v>
      </c>
      <c r="B495" s="8">
        <v>0.25780967559315698</v>
      </c>
      <c r="C495" s="8">
        <v>7.2636098524225803</v>
      </c>
      <c r="D495" s="8">
        <v>6.8332133943939999</v>
      </c>
      <c r="E495" s="9">
        <v>8.67040686574961E-7</v>
      </c>
      <c r="F495" s="10">
        <v>2.6113047308574899E-6</v>
      </c>
      <c r="G495" s="8">
        <v>4.0767861101801497</v>
      </c>
      <c r="H495" s="8">
        <v>4150</v>
      </c>
      <c r="I495" s="8" t="s">
        <v>1506</v>
      </c>
      <c r="J495" s="11" t="s">
        <v>1507</v>
      </c>
      <c r="K495" s="8">
        <v>16</v>
      </c>
      <c r="L495" s="8">
        <v>29806106</v>
      </c>
      <c r="M495" s="8">
        <v>29811164</v>
      </c>
      <c r="N495" s="12">
        <v>1</v>
      </c>
      <c r="T495" s="25"/>
      <c r="U495" s="25"/>
    </row>
    <row r="496" spans="1:21" ht="128.25" x14ac:dyDescent="0.2">
      <c r="A496" s="8" t="s">
        <v>1508</v>
      </c>
      <c r="B496" s="8">
        <v>0.21276620725677201</v>
      </c>
      <c r="C496" s="8">
        <v>8.81912462765691</v>
      </c>
      <c r="D496" s="8">
        <v>6.8255194681788396</v>
      </c>
      <c r="E496" s="9">
        <v>8.8171570986841501E-7</v>
      </c>
      <c r="F496" s="10">
        <v>2.6504544631986199E-6</v>
      </c>
      <c r="G496" s="8">
        <v>3.9761421814714302</v>
      </c>
      <c r="H496" s="8">
        <v>6175</v>
      </c>
      <c r="I496" s="8" t="s">
        <v>1509</v>
      </c>
      <c r="J496" s="11" t="s">
        <v>1510</v>
      </c>
      <c r="K496" s="8">
        <v>12</v>
      </c>
      <c r="L496" s="8">
        <v>120196686</v>
      </c>
      <c r="M496" s="8">
        <v>120201235</v>
      </c>
      <c r="N496" s="12">
        <v>-1</v>
      </c>
      <c r="T496" s="25"/>
      <c r="U496" s="25"/>
    </row>
    <row r="497" spans="1:21" ht="128.25" x14ac:dyDescent="0.2">
      <c r="A497" s="8" t="s">
        <v>1511</v>
      </c>
      <c r="B497" s="8">
        <v>0.82115988747063695</v>
      </c>
      <c r="C497" s="8">
        <v>1.92695075379876</v>
      </c>
      <c r="D497" s="8">
        <v>6.8238782782202998</v>
      </c>
      <c r="E497" s="9">
        <v>8.84878922334445E-7</v>
      </c>
      <c r="F497" s="10">
        <v>2.6586997006239298E-6</v>
      </c>
      <c r="G497" s="8">
        <v>5.1027927548166803</v>
      </c>
      <c r="H497" s="8">
        <v>6275</v>
      </c>
      <c r="I497" s="8" t="s">
        <v>1512</v>
      </c>
      <c r="J497" s="11" t="s">
        <v>1513</v>
      </c>
      <c r="K497" s="8">
        <v>1</v>
      </c>
      <c r="L497" s="8">
        <v>153543613</v>
      </c>
      <c r="M497" s="8">
        <v>153550136</v>
      </c>
      <c r="N497" s="12">
        <v>-1</v>
      </c>
    </row>
    <row r="498" spans="1:21" ht="142.5" x14ac:dyDescent="0.2">
      <c r="A498" s="8" t="s">
        <v>1514</v>
      </c>
      <c r="B498" s="8">
        <v>0.27730693793979999</v>
      </c>
      <c r="C498" s="8">
        <v>5.8689043817168098</v>
      </c>
      <c r="D498" s="8">
        <v>6.8191671468244204</v>
      </c>
      <c r="E498" s="9">
        <v>8.9402403974744802E-7</v>
      </c>
      <c r="F498" s="10">
        <v>2.68405223893171E-6</v>
      </c>
      <c r="G498" s="8">
        <v>4.1642510769088101</v>
      </c>
      <c r="H498" s="8">
        <v>51340</v>
      </c>
      <c r="I498" s="8" t="s">
        <v>1515</v>
      </c>
      <c r="J498" s="11" t="s">
        <v>1516</v>
      </c>
      <c r="K498" s="8">
        <v>20</v>
      </c>
      <c r="L498" s="8">
        <v>20034368</v>
      </c>
      <c r="M498" s="8">
        <v>20056046</v>
      </c>
      <c r="N498" s="12">
        <v>-1</v>
      </c>
      <c r="T498" s="25"/>
      <c r="U498" s="25"/>
    </row>
    <row r="499" spans="1:21" ht="128.25" x14ac:dyDescent="0.2">
      <c r="A499" s="8" t="s">
        <v>1517</v>
      </c>
      <c r="B499" s="8">
        <v>-0.380606349300529</v>
      </c>
      <c r="C499" s="8">
        <v>4.9582013667271996</v>
      </c>
      <c r="D499" s="8">
        <v>-6.8014742635291796</v>
      </c>
      <c r="E499" s="9">
        <v>9.2924505596892204E-7</v>
      </c>
      <c r="F499" s="10">
        <v>2.7809940746131901E-6</v>
      </c>
      <c r="G499" s="8">
        <v>4.2927915984351301</v>
      </c>
      <c r="H499" s="8">
        <v>9130</v>
      </c>
      <c r="I499" s="8" t="s">
        <v>1518</v>
      </c>
      <c r="J499" s="11" t="s">
        <v>1519</v>
      </c>
      <c r="K499" s="8" t="s">
        <v>108</v>
      </c>
      <c r="L499" s="8">
        <v>154444126</v>
      </c>
      <c r="M499" s="8">
        <v>154450654</v>
      </c>
      <c r="N499" s="12">
        <v>1</v>
      </c>
      <c r="T499" s="25"/>
      <c r="U499" s="25"/>
    </row>
    <row r="500" spans="1:21" ht="99.75" x14ac:dyDescent="0.2">
      <c r="A500" s="8" t="s">
        <v>1520</v>
      </c>
      <c r="B500" s="8">
        <v>0.31528013953397899</v>
      </c>
      <c r="C500" s="8">
        <v>5.6860196928356803</v>
      </c>
      <c r="D500" s="8">
        <v>6.7946703146571803</v>
      </c>
      <c r="E500" s="9">
        <v>9.4316631231058402E-7</v>
      </c>
      <c r="F500" s="10">
        <v>2.8195442830368498E-6</v>
      </c>
      <c r="G500" s="8">
        <v>4.1342514750131301</v>
      </c>
      <c r="H500" s="8">
        <v>79954</v>
      </c>
      <c r="I500" s="8" t="s">
        <v>1521</v>
      </c>
      <c r="J500" s="11" t="s">
        <v>1522</v>
      </c>
      <c r="K500" s="8">
        <v>2</v>
      </c>
      <c r="L500" s="8">
        <v>10570766</v>
      </c>
      <c r="M500" s="8">
        <v>10689987</v>
      </c>
      <c r="N500" s="12">
        <v>-1</v>
      </c>
      <c r="T500" s="25"/>
      <c r="U500" s="25"/>
    </row>
    <row r="501" spans="1:21" ht="85.5" x14ac:dyDescent="0.2">
      <c r="A501" s="8" t="s">
        <v>1523</v>
      </c>
      <c r="B501" s="8">
        <v>0.27719340098259199</v>
      </c>
      <c r="C501" s="8">
        <v>6.1503424544365402</v>
      </c>
      <c r="D501" s="8">
        <v>6.7926524805891404</v>
      </c>
      <c r="E501" s="9">
        <v>9.4733596907317004E-7</v>
      </c>
      <c r="F501" s="10">
        <v>2.83022586352354E-6</v>
      </c>
      <c r="G501" s="8">
        <v>4.0715846990722397</v>
      </c>
      <c r="H501" s="8">
        <v>11218</v>
      </c>
      <c r="I501" s="8" t="s">
        <v>1524</v>
      </c>
      <c r="J501" s="11" t="s">
        <v>1525</v>
      </c>
      <c r="K501" s="8">
        <v>1</v>
      </c>
      <c r="L501" s="8">
        <v>111755245</v>
      </c>
      <c r="M501" s="8">
        <v>111768016</v>
      </c>
      <c r="N501" s="12">
        <v>1</v>
      </c>
      <c r="T501" s="25"/>
      <c r="U501" s="25"/>
    </row>
    <row r="502" spans="1:21" ht="99.75" x14ac:dyDescent="0.2">
      <c r="A502" s="8" t="s">
        <v>1526</v>
      </c>
      <c r="B502" s="8">
        <v>0.28208926496683401</v>
      </c>
      <c r="C502" s="8">
        <v>6.33073012658308</v>
      </c>
      <c r="D502" s="8">
        <v>6.7814823223733098</v>
      </c>
      <c r="E502" s="9">
        <v>9.7076302527665399E-7</v>
      </c>
      <c r="F502" s="10">
        <v>2.8933830580611099E-6</v>
      </c>
      <c r="G502" s="8">
        <v>4.0282554281484</v>
      </c>
      <c r="H502" s="8">
        <v>23404</v>
      </c>
      <c r="I502" s="8" t="s">
        <v>1527</v>
      </c>
      <c r="J502" s="11" t="s">
        <v>1528</v>
      </c>
      <c r="K502" s="8">
        <v>9</v>
      </c>
      <c r="L502" s="8">
        <v>130693721</v>
      </c>
      <c r="M502" s="8">
        <v>130704894</v>
      </c>
      <c r="N502" s="12">
        <v>1</v>
      </c>
      <c r="T502" s="25"/>
      <c r="U502" s="25"/>
    </row>
    <row r="503" spans="1:21" ht="114" x14ac:dyDescent="0.2">
      <c r="A503" s="8" t="s">
        <v>1529</v>
      </c>
      <c r="B503" s="8">
        <v>0.22432706992340101</v>
      </c>
      <c r="C503" s="8">
        <v>8.2016417819028504</v>
      </c>
      <c r="D503" s="8">
        <v>6.7769656323994898</v>
      </c>
      <c r="E503" s="9">
        <v>9.804040442842719E-7</v>
      </c>
      <c r="F503" s="10">
        <v>2.92120074554602E-6</v>
      </c>
      <c r="G503" s="8">
        <v>3.8978386578277999</v>
      </c>
      <c r="H503" s="8">
        <v>9584</v>
      </c>
      <c r="I503" s="8" t="s">
        <v>1530</v>
      </c>
      <c r="J503" s="11" t="s">
        <v>1531</v>
      </c>
      <c r="K503" s="8">
        <v>20</v>
      </c>
      <c r="L503" s="8">
        <v>35703609</v>
      </c>
      <c r="M503" s="8">
        <v>35742312</v>
      </c>
      <c r="N503" s="12">
        <v>-1</v>
      </c>
      <c r="T503" s="25"/>
      <c r="U503" s="25"/>
    </row>
    <row r="504" spans="1:21" ht="156.75" x14ac:dyDescent="0.2">
      <c r="A504" s="8" t="s">
        <v>1532</v>
      </c>
      <c r="B504" s="8">
        <v>0.36453240016879301</v>
      </c>
      <c r="C504" s="8">
        <v>4.9212571381858901</v>
      </c>
      <c r="D504" s="8">
        <v>6.7622321382961603</v>
      </c>
      <c r="E504" s="9">
        <v>1.01254242162046E-6</v>
      </c>
      <c r="F504" s="10">
        <v>3.01223037076212E-6</v>
      </c>
      <c r="G504" s="8">
        <v>4.1956386469088498</v>
      </c>
      <c r="H504" s="8">
        <v>79731</v>
      </c>
      <c r="I504" s="8" t="s">
        <v>1533</v>
      </c>
      <c r="J504" s="11" t="s">
        <v>1534</v>
      </c>
      <c r="K504" s="8">
        <v>11</v>
      </c>
      <c r="L504" s="8">
        <v>78435961</v>
      </c>
      <c r="M504" s="8">
        <v>78574874</v>
      </c>
      <c r="N504" s="12">
        <v>-1</v>
      </c>
      <c r="T504" s="25"/>
      <c r="U504" s="25"/>
    </row>
    <row r="505" spans="1:21" ht="85.5" x14ac:dyDescent="0.2">
      <c r="A505" s="8" t="s">
        <v>1535</v>
      </c>
      <c r="B505" s="8">
        <v>-0.39372805136721001</v>
      </c>
      <c r="C505" s="8">
        <v>8.2027536234428098</v>
      </c>
      <c r="D505" s="8">
        <v>-6.7602683216562101</v>
      </c>
      <c r="E505" s="9">
        <v>1.01690711771094E-6</v>
      </c>
      <c r="F505" s="10">
        <v>3.0232779771251E-6</v>
      </c>
      <c r="G505" s="8">
        <v>3.8636317432246998</v>
      </c>
      <c r="H505" s="8">
        <v>2194</v>
      </c>
      <c r="I505" s="8" t="s">
        <v>1536</v>
      </c>
      <c r="J505" s="11" t="s">
        <v>1537</v>
      </c>
      <c r="K505" s="8">
        <v>17</v>
      </c>
      <c r="L505" s="8">
        <v>82078333</v>
      </c>
      <c r="M505" s="8">
        <v>82098332</v>
      </c>
      <c r="N505" s="12">
        <v>-1</v>
      </c>
      <c r="T505" s="25"/>
      <c r="U505" s="25"/>
    </row>
    <row r="506" spans="1:21" ht="114" x14ac:dyDescent="0.2">
      <c r="A506" s="8" t="s">
        <v>1538</v>
      </c>
      <c r="B506" s="8">
        <v>0.30700301065861602</v>
      </c>
      <c r="C506" s="8">
        <v>5.9464110257925498</v>
      </c>
      <c r="D506" s="8">
        <v>6.74983334881835</v>
      </c>
      <c r="E506" s="9">
        <v>1.0404257529361599E-6</v>
      </c>
      <c r="F506" s="10">
        <v>3.0859892956344802E-6</v>
      </c>
      <c r="G506" s="8">
        <v>3.9986038522054899</v>
      </c>
      <c r="H506" s="8">
        <v>57129</v>
      </c>
      <c r="I506" s="8" t="s">
        <v>1539</v>
      </c>
      <c r="J506" s="11" t="s">
        <v>1540</v>
      </c>
      <c r="K506" s="8">
        <v>3</v>
      </c>
      <c r="L506" s="8">
        <v>179588285</v>
      </c>
      <c r="M506" s="8">
        <v>179604654</v>
      </c>
      <c r="N506" s="12">
        <v>-1</v>
      </c>
      <c r="T506" s="25"/>
      <c r="U506" s="25"/>
    </row>
    <row r="507" spans="1:21" ht="99.75" x14ac:dyDescent="0.2">
      <c r="A507" s="8" t="s">
        <v>1541</v>
      </c>
      <c r="B507" s="8">
        <v>-0.23538321706399601</v>
      </c>
      <c r="C507" s="8">
        <v>9.64730254884938</v>
      </c>
      <c r="D507" s="8">
        <v>-6.7400534025274297</v>
      </c>
      <c r="E507" s="9">
        <v>1.0629752610243799E-6</v>
      </c>
      <c r="F507" s="10">
        <v>3.1489356116858698E-6</v>
      </c>
      <c r="G507" s="8">
        <v>3.7522350028881801</v>
      </c>
      <c r="H507" s="8">
        <v>5315</v>
      </c>
      <c r="I507" s="8" t="s">
        <v>1542</v>
      </c>
      <c r="J507" s="11" t="s">
        <v>1543</v>
      </c>
      <c r="K507" s="8">
        <v>15</v>
      </c>
      <c r="L507" s="8">
        <v>72199029</v>
      </c>
      <c r="M507" s="8">
        <v>72231822</v>
      </c>
      <c r="N507" s="12">
        <v>-1</v>
      </c>
      <c r="T507" s="25"/>
      <c r="U507" s="25"/>
    </row>
    <row r="508" spans="1:21" ht="99.75" x14ac:dyDescent="0.2">
      <c r="A508" s="8" t="s">
        <v>1544</v>
      </c>
      <c r="B508" s="8">
        <v>0.26613693631803798</v>
      </c>
      <c r="C508" s="8">
        <v>8.5425962588787101</v>
      </c>
      <c r="D508" s="8">
        <v>6.7361948922721604</v>
      </c>
      <c r="E508" s="9">
        <v>1.07200930456771E-6</v>
      </c>
      <c r="F508" s="10">
        <v>3.1722314942743502E-6</v>
      </c>
      <c r="G508" s="8">
        <v>3.78845355854151</v>
      </c>
      <c r="H508" s="8">
        <v>6229</v>
      </c>
      <c r="I508" s="8" t="s">
        <v>1545</v>
      </c>
      <c r="J508" s="11" t="s">
        <v>1546</v>
      </c>
      <c r="K508" s="8">
        <v>10</v>
      </c>
      <c r="L508" s="8">
        <v>78033760</v>
      </c>
      <c r="M508" s="8">
        <v>78056812</v>
      </c>
      <c r="N508" s="12">
        <v>1</v>
      </c>
      <c r="T508" s="25"/>
    </row>
    <row r="509" spans="1:21" ht="114" x14ac:dyDescent="0.2">
      <c r="A509" s="8" t="s">
        <v>1547</v>
      </c>
      <c r="B509" s="8">
        <v>0.29222422735237502</v>
      </c>
      <c r="C509" s="8">
        <v>7.6513339899325503</v>
      </c>
      <c r="D509" s="8">
        <v>6.7215025924537404</v>
      </c>
      <c r="E509" s="9">
        <v>1.10713677516441E-6</v>
      </c>
      <c r="F509" s="10">
        <v>3.26599325078425E-6</v>
      </c>
      <c r="G509" s="8">
        <v>3.8030826809017202</v>
      </c>
      <c r="H509" s="8">
        <v>2107</v>
      </c>
      <c r="I509" s="8" t="s">
        <v>1548</v>
      </c>
      <c r="J509" s="11" t="s">
        <v>1549</v>
      </c>
      <c r="K509" s="8">
        <v>5</v>
      </c>
      <c r="L509" s="8">
        <v>138506095</v>
      </c>
      <c r="M509" s="8">
        <v>138543300</v>
      </c>
      <c r="N509" s="12">
        <v>-1</v>
      </c>
      <c r="T509" s="25"/>
      <c r="U509" s="25"/>
    </row>
    <row r="510" spans="1:21" ht="128.25" x14ac:dyDescent="0.2">
      <c r="A510" s="8" t="s">
        <v>1550</v>
      </c>
      <c r="B510" s="8">
        <v>0.31965012450170699</v>
      </c>
      <c r="C510" s="8">
        <v>6.6506720645322401</v>
      </c>
      <c r="D510" s="8">
        <v>6.7191444386181303</v>
      </c>
      <c r="E510" s="9">
        <v>1.11288395865912E-6</v>
      </c>
      <c r="F510" s="10">
        <v>3.2814168557293702E-6</v>
      </c>
      <c r="G510" s="8">
        <v>3.86074528901367</v>
      </c>
      <c r="H510" s="8">
        <v>25879</v>
      </c>
      <c r="I510" s="8" t="s">
        <v>1551</v>
      </c>
      <c r="J510" s="11" t="s">
        <v>1552</v>
      </c>
      <c r="K510" s="8">
        <v>8</v>
      </c>
      <c r="L510" s="8">
        <v>103414714</v>
      </c>
      <c r="M510" s="8">
        <v>103443453</v>
      </c>
      <c r="N510" s="12">
        <v>1</v>
      </c>
    </row>
    <row r="511" spans="1:21" ht="99.75" x14ac:dyDescent="0.2">
      <c r="A511" s="8" t="s">
        <v>1553</v>
      </c>
      <c r="B511" s="8">
        <v>-0.27877193832165698</v>
      </c>
      <c r="C511" s="8">
        <v>5.7294326422910196</v>
      </c>
      <c r="D511" s="8">
        <v>-6.6977773033107804</v>
      </c>
      <c r="E511" s="9">
        <v>1.16637620038004E-6</v>
      </c>
      <c r="F511" s="10">
        <v>3.4247750509998501E-6</v>
      </c>
      <c r="G511" s="8">
        <v>3.91915135171531</v>
      </c>
      <c r="H511" s="8">
        <v>10535</v>
      </c>
      <c r="I511" s="8" t="s">
        <v>1554</v>
      </c>
      <c r="J511" s="11" t="s">
        <v>1555</v>
      </c>
      <c r="K511" s="8">
        <v>19</v>
      </c>
      <c r="L511" s="8">
        <v>12806580</v>
      </c>
      <c r="M511" s="8">
        <v>12813638</v>
      </c>
      <c r="N511" s="12">
        <v>1</v>
      </c>
      <c r="T511" s="25"/>
      <c r="U511" s="25"/>
    </row>
    <row r="512" spans="1:21" ht="156.75" x14ac:dyDescent="0.2">
      <c r="A512" s="8" t="s">
        <v>1556</v>
      </c>
      <c r="B512" s="8">
        <v>0.29361291942614698</v>
      </c>
      <c r="C512" s="8">
        <v>5.4016359740814401</v>
      </c>
      <c r="D512" s="8">
        <v>6.6912057764753099</v>
      </c>
      <c r="E512" s="9">
        <v>1.1833533086550199E-6</v>
      </c>
      <c r="F512" s="10">
        <v>3.4703285022942799E-6</v>
      </c>
      <c r="G512" s="8">
        <v>3.94619005798803</v>
      </c>
      <c r="H512" s="8">
        <v>65110</v>
      </c>
      <c r="I512" s="8" t="s">
        <v>1557</v>
      </c>
      <c r="J512" s="11" t="s">
        <v>1558</v>
      </c>
      <c r="K512" s="8">
        <v>13</v>
      </c>
      <c r="L512" s="8">
        <v>114281584</v>
      </c>
      <c r="M512" s="8">
        <v>114305817</v>
      </c>
      <c r="N512" s="12">
        <v>1</v>
      </c>
      <c r="T512" s="25"/>
      <c r="U512" s="25"/>
    </row>
    <row r="513" spans="1:21" ht="142.5" x14ac:dyDescent="0.2">
      <c r="A513" s="8" t="s">
        <v>1559</v>
      </c>
      <c r="B513" s="8">
        <v>0.33059943262980102</v>
      </c>
      <c r="C513" s="8">
        <v>5.2749624843795999</v>
      </c>
      <c r="D513" s="8">
        <v>6.6743482426681204</v>
      </c>
      <c r="E513" s="9">
        <v>1.228073532918E-6</v>
      </c>
      <c r="F513" s="10">
        <v>3.5914858120179999E-6</v>
      </c>
      <c r="G513" s="8">
        <v>3.9299509996033102</v>
      </c>
      <c r="H513" s="8">
        <v>10285</v>
      </c>
      <c r="I513" s="8" t="s">
        <v>1560</v>
      </c>
      <c r="J513" s="11" t="s">
        <v>1561</v>
      </c>
      <c r="K513" s="8">
        <v>10</v>
      </c>
      <c r="L513" s="8">
        <v>110290730</v>
      </c>
      <c r="M513" s="8">
        <v>110304951</v>
      </c>
      <c r="N513" s="12">
        <v>-1</v>
      </c>
      <c r="T513" s="25"/>
      <c r="U513" s="25"/>
    </row>
    <row r="514" spans="1:21" ht="85.5" x14ac:dyDescent="0.2">
      <c r="A514" s="8" t="s">
        <v>1562</v>
      </c>
      <c r="B514" s="8">
        <v>-0.222336322645106</v>
      </c>
      <c r="C514" s="8">
        <v>7.1572054246328101</v>
      </c>
      <c r="D514" s="8">
        <v>-6.6671019534468403</v>
      </c>
      <c r="E514" s="9">
        <v>1.2478264745025701E-6</v>
      </c>
      <c r="F514" s="10">
        <v>3.6446251151662001E-6</v>
      </c>
      <c r="G514" s="8">
        <v>3.7124894568117202</v>
      </c>
      <c r="H514" s="8">
        <v>57142</v>
      </c>
      <c r="I514" s="8" t="s">
        <v>1563</v>
      </c>
      <c r="J514" s="11" t="s">
        <v>1564</v>
      </c>
      <c r="K514" s="8">
        <v>2</v>
      </c>
      <c r="L514" s="8">
        <v>54972187</v>
      </c>
      <c r="M514" s="8">
        <v>55112621</v>
      </c>
      <c r="N514" s="12">
        <v>-1</v>
      </c>
      <c r="T514" s="25"/>
      <c r="U514" s="25"/>
    </row>
    <row r="515" spans="1:21" ht="114" x14ac:dyDescent="0.2">
      <c r="A515" s="8" t="s">
        <v>1565</v>
      </c>
      <c r="B515" s="8">
        <v>0.31043489124051099</v>
      </c>
      <c r="C515" s="8">
        <v>5.2602840824330599</v>
      </c>
      <c r="D515" s="8">
        <v>6.6655210081538199</v>
      </c>
      <c r="E515" s="9">
        <v>1.25217920476699E-6</v>
      </c>
      <c r="F515" s="10">
        <v>3.6552230070547699E-6</v>
      </c>
      <c r="G515" s="8">
        <v>3.9127709055805999</v>
      </c>
      <c r="H515" s="8">
        <v>79670</v>
      </c>
      <c r="I515" s="8" t="s">
        <v>1566</v>
      </c>
      <c r="J515" s="11" t="s">
        <v>1567</v>
      </c>
      <c r="K515" s="8">
        <v>9</v>
      </c>
      <c r="L515" s="8">
        <v>86287733</v>
      </c>
      <c r="M515" s="8">
        <v>86354454</v>
      </c>
      <c r="N515" s="12">
        <v>-1</v>
      </c>
      <c r="T515" s="25"/>
      <c r="U515" s="25"/>
    </row>
    <row r="516" spans="1:21" ht="156.75" x14ac:dyDescent="0.2">
      <c r="A516" s="8" t="s">
        <v>1568</v>
      </c>
      <c r="B516" s="8">
        <v>0.31293676878128202</v>
      </c>
      <c r="C516" s="8">
        <v>5.1980689272244804</v>
      </c>
      <c r="D516" s="8">
        <v>6.6612273439734704</v>
      </c>
      <c r="E516" s="9">
        <v>1.2640795363488901E-6</v>
      </c>
      <c r="F516" s="10">
        <v>3.6854259273763901E-6</v>
      </c>
      <c r="G516" s="8">
        <v>3.91445584392461</v>
      </c>
      <c r="H516" s="8">
        <v>11017</v>
      </c>
      <c r="I516" s="8" t="s">
        <v>1569</v>
      </c>
      <c r="J516" s="11" t="s">
        <v>1570</v>
      </c>
      <c r="K516" s="8">
        <v>2</v>
      </c>
      <c r="L516" s="8">
        <v>69893560</v>
      </c>
      <c r="M516" s="8">
        <v>69905575</v>
      </c>
      <c r="N516" s="12">
        <v>1</v>
      </c>
      <c r="T516" s="25"/>
      <c r="U516" s="25"/>
    </row>
    <row r="517" spans="1:21" ht="114" x14ac:dyDescent="0.2">
      <c r="A517" s="8" t="s">
        <v>1571</v>
      </c>
      <c r="B517" s="8">
        <v>0.25211253303046199</v>
      </c>
      <c r="C517" s="8">
        <v>6.2081113516491602</v>
      </c>
      <c r="D517" s="8">
        <v>6.66013885844459</v>
      </c>
      <c r="E517" s="9">
        <v>1.26711479121472E-6</v>
      </c>
      <c r="F517" s="10">
        <v>3.6931404381633802E-6</v>
      </c>
      <c r="G517" s="8">
        <v>3.7671499818973802</v>
      </c>
      <c r="H517" s="8">
        <v>9801</v>
      </c>
      <c r="I517" s="8" t="s">
        <v>1572</v>
      </c>
      <c r="J517" s="11" t="s">
        <v>1573</v>
      </c>
      <c r="K517" s="8">
        <v>2</v>
      </c>
      <c r="L517" s="8">
        <v>75646783</v>
      </c>
      <c r="M517" s="8">
        <v>75690851</v>
      </c>
      <c r="N517" s="12">
        <v>1</v>
      </c>
    </row>
    <row r="518" spans="1:21" ht="114" x14ac:dyDescent="0.2">
      <c r="A518" s="8" t="s">
        <v>1574</v>
      </c>
      <c r="B518" s="8">
        <v>0.26827862407634701</v>
      </c>
      <c r="C518" s="8">
        <v>6.0485128506917203</v>
      </c>
      <c r="D518" s="8">
        <v>6.6412049586090403</v>
      </c>
      <c r="E518" s="9">
        <v>1.32112584567405E-6</v>
      </c>
      <c r="F518" s="10">
        <v>3.8405338807224801E-6</v>
      </c>
      <c r="G518" s="8">
        <v>3.7416403511165699</v>
      </c>
      <c r="H518" s="8">
        <v>51081</v>
      </c>
      <c r="I518" s="8" t="s">
        <v>1575</v>
      </c>
      <c r="J518" s="11" t="s">
        <v>1576</v>
      </c>
      <c r="K518" s="8">
        <v>17</v>
      </c>
      <c r="L518" s="8">
        <v>75261674</v>
      </c>
      <c r="M518" s="8">
        <v>75266373</v>
      </c>
      <c r="N518" s="12">
        <v>1</v>
      </c>
      <c r="T518" s="25"/>
      <c r="U518" s="25"/>
    </row>
    <row r="519" spans="1:21" ht="99.75" x14ac:dyDescent="0.2">
      <c r="A519" s="8" t="s">
        <v>1577</v>
      </c>
      <c r="B519" s="8">
        <v>0.34957989555157998</v>
      </c>
      <c r="C519" s="8">
        <v>4.4931007239828</v>
      </c>
      <c r="D519" s="8">
        <v>6.6204076254660702</v>
      </c>
      <c r="E519" s="9">
        <v>1.38318288255295E-6</v>
      </c>
      <c r="F519" s="10">
        <v>4.0062059771378799E-6</v>
      </c>
      <c r="G519" s="8">
        <v>3.9701571855756099</v>
      </c>
      <c r="H519" s="8">
        <v>64901</v>
      </c>
      <c r="I519" s="8" t="s">
        <v>1578</v>
      </c>
      <c r="J519" s="11" t="s">
        <v>1579</v>
      </c>
      <c r="K519" s="8">
        <v>5</v>
      </c>
      <c r="L519" s="8">
        <v>170861870</v>
      </c>
      <c r="M519" s="8">
        <v>171300015</v>
      </c>
      <c r="N519" s="12">
        <v>1</v>
      </c>
      <c r="T519" s="25"/>
      <c r="U519" s="25"/>
    </row>
    <row r="520" spans="1:21" ht="114" x14ac:dyDescent="0.2">
      <c r="A520" s="8" t="s">
        <v>1580</v>
      </c>
      <c r="B520" s="8">
        <v>0.34757627037342098</v>
      </c>
      <c r="C520" s="8">
        <v>6.4539535718533001</v>
      </c>
      <c r="D520" s="8">
        <v>6.6129046854315101</v>
      </c>
      <c r="E520" s="9">
        <v>1.4062984868672601E-6</v>
      </c>
      <c r="F520" s="10">
        <v>4.0657109057403999E-6</v>
      </c>
      <c r="G520" s="8">
        <v>3.6364827501561101</v>
      </c>
      <c r="H520" s="8">
        <v>55505</v>
      </c>
      <c r="I520" s="8" t="s">
        <v>1581</v>
      </c>
      <c r="J520" s="11" t="s">
        <v>1582</v>
      </c>
      <c r="K520" s="8">
        <v>15</v>
      </c>
      <c r="L520" s="8">
        <v>34341713</v>
      </c>
      <c r="M520" s="8">
        <v>34343177</v>
      </c>
      <c r="N520" s="12">
        <v>-1</v>
      </c>
      <c r="T520" s="25"/>
      <c r="U520" s="25"/>
    </row>
    <row r="521" spans="1:21" ht="142.5" x14ac:dyDescent="0.2">
      <c r="A521" s="8" t="s">
        <v>1583</v>
      </c>
      <c r="B521" s="8">
        <v>0.309238222464432</v>
      </c>
      <c r="C521" s="8">
        <v>4.9962737941833204</v>
      </c>
      <c r="D521" s="8">
        <v>6.5794550225124597</v>
      </c>
      <c r="E521" s="9">
        <v>1.5142769603164201E-6</v>
      </c>
      <c r="F521" s="10">
        <v>4.3559851259549302E-6</v>
      </c>
      <c r="G521" s="8">
        <v>3.7682690716442102</v>
      </c>
      <c r="H521" s="8">
        <v>54938</v>
      </c>
      <c r="I521" s="8" t="s">
        <v>1584</v>
      </c>
      <c r="J521" s="11" t="s">
        <v>1585</v>
      </c>
      <c r="K521" s="8">
        <v>19</v>
      </c>
      <c r="L521" s="8">
        <v>38915266</v>
      </c>
      <c r="M521" s="8">
        <v>38930896</v>
      </c>
      <c r="N521" s="12">
        <v>-1</v>
      </c>
      <c r="T521" s="25"/>
      <c r="U521" s="25"/>
    </row>
    <row r="522" spans="1:21" ht="114" x14ac:dyDescent="0.2">
      <c r="A522" s="8" t="s">
        <v>1586</v>
      </c>
      <c r="B522" s="8">
        <v>-0.45504079522246799</v>
      </c>
      <c r="C522" s="8">
        <v>8.0009858141702601</v>
      </c>
      <c r="D522" s="8">
        <v>-6.5736288751779499</v>
      </c>
      <c r="E522" s="9">
        <v>1.5339371702200699E-6</v>
      </c>
      <c r="F522" s="10">
        <v>4.4112025578521398E-6</v>
      </c>
      <c r="G522" s="8">
        <v>3.45321532956924</v>
      </c>
      <c r="H522" s="8">
        <v>6624</v>
      </c>
      <c r="I522" s="8" t="s">
        <v>1587</v>
      </c>
      <c r="J522" s="11" t="s">
        <v>1588</v>
      </c>
      <c r="K522" s="8">
        <v>7</v>
      </c>
      <c r="L522" s="8">
        <v>5592823</v>
      </c>
      <c r="M522" s="8">
        <v>5606655</v>
      </c>
      <c r="N522" s="12">
        <v>1</v>
      </c>
    </row>
    <row r="523" spans="1:21" ht="128.25" x14ac:dyDescent="0.2">
      <c r="A523" s="8" t="s">
        <v>1589</v>
      </c>
      <c r="B523" s="8">
        <v>-0.34717363217632502</v>
      </c>
      <c r="C523" s="8">
        <v>5.40897268471217</v>
      </c>
      <c r="D523" s="8">
        <v>-6.5720334303373704</v>
      </c>
      <c r="E523" s="9">
        <v>1.5393665079709299E-6</v>
      </c>
      <c r="F523" s="10">
        <v>4.4227945831588599E-6</v>
      </c>
      <c r="G523" s="8">
        <v>3.6878148210769699</v>
      </c>
      <c r="H523" s="8">
        <v>84310</v>
      </c>
      <c r="I523" s="8" t="s">
        <v>1590</v>
      </c>
      <c r="J523" s="11" t="s">
        <v>1591</v>
      </c>
      <c r="K523" s="8">
        <v>7</v>
      </c>
      <c r="L523" s="8">
        <v>996986</v>
      </c>
      <c r="M523" s="8">
        <v>1138260</v>
      </c>
      <c r="N523" s="12">
        <v>-1</v>
      </c>
      <c r="T523" s="25"/>
      <c r="U523" s="25"/>
    </row>
    <row r="524" spans="1:21" ht="99.75" x14ac:dyDescent="0.2">
      <c r="A524" s="8" t="s">
        <v>1592</v>
      </c>
      <c r="B524" s="8">
        <v>0.27197511458175599</v>
      </c>
      <c r="C524" s="8">
        <v>5.4714437673607001</v>
      </c>
      <c r="D524" s="8">
        <v>6.5538477209023904</v>
      </c>
      <c r="E524" s="9">
        <v>1.60266436173425E-6</v>
      </c>
      <c r="F524" s="10">
        <v>4.5900636270194604E-6</v>
      </c>
      <c r="G524" s="8">
        <v>3.6239108604044699</v>
      </c>
      <c r="H524" s="8">
        <v>25888</v>
      </c>
      <c r="I524" s="8" t="s">
        <v>1593</v>
      </c>
      <c r="J524" s="11" t="s">
        <v>1594</v>
      </c>
      <c r="K524" s="8">
        <v>19</v>
      </c>
      <c r="L524" s="8">
        <v>50025714</v>
      </c>
      <c r="M524" s="8">
        <v>50053414</v>
      </c>
      <c r="N524" s="12">
        <v>1</v>
      </c>
      <c r="T524" s="25"/>
      <c r="U524" s="25"/>
    </row>
    <row r="525" spans="1:21" ht="128.25" x14ac:dyDescent="0.2">
      <c r="A525" s="8" t="s">
        <v>1595</v>
      </c>
      <c r="B525" s="8">
        <v>0.420123633011034</v>
      </c>
      <c r="C525" s="8">
        <v>5.8425467968678904</v>
      </c>
      <c r="D525" s="8">
        <v>6.5537237595995599</v>
      </c>
      <c r="E525" s="9">
        <v>1.6031048697002899E-6</v>
      </c>
      <c r="F525" s="10">
        <v>4.5906324298026996E-6</v>
      </c>
      <c r="G525" s="8">
        <v>3.56802054749574</v>
      </c>
      <c r="H525" s="8">
        <v>64318</v>
      </c>
      <c r="I525" s="8" t="s">
        <v>1596</v>
      </c>
      <c r="J525" s="11" t="s">
        <v>1597</v>
      </c>
      <c r="K525" s="8">
        <v>10</v>
      </c>
      <c r="L525" s="8">
        <v>94333226</v>
      </c>
      <c r="M525" s="8">
        <v>94362959</v>
      </c>
      <c r="N525" s="12">
        <v>-1</v>
      </c>
      <c r="T525" s="25"/>
      <c r="U525" s="25"/>
    </row>
    <row r="526" spans="1:21" ht="99.75" x14ac:dyDescent="0.2">
      <c r="A526" s="8" t="s">
        <v>1598</v>
      </c>
      <c r="B526" s="8">
        <v>0.25068186487461003</v>
      </c>
      <c r="C526" s="8">
        <v>6.9915259128649296</v>
      </c>
      <c r="D526" s="8">
        <v>6.5493541617413698</v>
      </c>
      <c r="E526" s="9">
        <v>1.6187122605862301E-6</v>
      </c>
      <c r="F526" s="10">
        <v>4.6325294177567303E-6</v>
      </c>
      <c r="G526" s="8">
        <v>3.4531674670942101</v>
      </c>
      <c r="H526" s="8">
        <v>5433</v>
      </c>
      <c r="I526" s="8" t="s">
        <v>1599</v>
      </c>
      <c r="J526" s="11" t="s">
        <v>1600</v>
      </c>
      <c r="K526" s="8">
        <v>2</v>
      </c>
      <c r="L526" s="8">
        <v>127843551</v>
      </c>
      <c r="M526" s="8">
        <v>127858157</v>
      </c>
      <c r="N526" s="12">
        <v>-1</v>
      </c>
      <c r="T526" s="25"/>
      <c r="U526" s="25"/>
    </row>
    <row r="527" spans="1:21" ht="114" x14ac:dyDescent="0.2">
      <c r="A527" s="8" t="s">
        <v>1601</v>
      </c>
      <c r="B527" s="8">
        <v>-0.37562526079758302</v>
      </c>
      <c r="C527" s="8">
        <v>5.3594465038496297</v>
      </c>
      <c r="D527" s="8">
        <v>-6.5444477724987102</v>
      </c>
      <c r="E527" s="9">
        <v>1.63642287185806E-6</v>
      </c>
      <c r="F527" s="10">
        <v>4.6796860818641397E-6</v>
      </c>
      <c r="G527" s="8">
        <v>3.6347820347717499</v>
      </c>
      <c r="H527" s="8">
        <v>8227</v>
      </c>
      <c r="I527" s="8" t="s">
        <v>1602</v>
      </c>
      <c r="J527" s="11" t="s">
        <v>1603</v>
      </c>
      <c r="K527" s="8" t="s">
        <v>108</v>
      </c>
      <c r="L527" s="8">
        <v>1591593</v>
      </c>
      <c r="M527" s="8">
        <v>1602514</v>
      </c>
      <c r="N527" s="12">
        <v>1</v>
      </c>
      <c r="T527" s="25"/>
      <c r="U527" s="25"/>
    </row>
    <row r="528" spans="1:21" ht="99.75" x14ac:dyDescent="0.2">
      <c r="A528" s="8" t="s">
        <v>1604</v>
      </c>
      <c r="B528" s="8">
        <v>0.38020718094327099</v>
      </c>
      <c r="C528" s="8">
        <v>5.5403968345512897</v>
      </c>
      <c r="D528" s="8">
        <v>6.54064844950521</v>
      </c>
      <c r="E528" s="9">
        <v>1.65027378367104E-6</v>
      </c>
      <c r="F528" s="10">
        <v>4.7164526495068299E-6</v>
      </c>
      <c r="G528" s="8">
        <v>3.5820835702940501</v>
      </c>
      <c r="H528" s="8">
        <v>10199</v>
      </c>
      <c r="I528" s="8" t="s">
        <v>1605</v>
      </c>
      <c r="J528" s="11" t="s">
        <v>1606</v>
      </c>
      <c r="K528" s="8">
        <v>2</v>
      </c>
      <c r="L528" s="8">
        <v>71130314</v>
      </c>
      <c r="M528" s="8">
        <v>71150101</v>
      </c>
      <c r="N528" s="12">
        <v>1</v>
      </c>
      <c r="T528" s="25"/>
      <c r="U528" s="25"/>
    </row>
    <row r="529" spans="1:21" ht="114" x14ac:dyDescent="0.2">
      <c r="A529" s="8" t="s">
        <v>1607</v>
      </c>
      <c r="B529" s="8">
        <v>0.25313068155725899</v>
      </c>
      <c r="C529" s="8">
        <v>5.3677292586054497</v>
      </c>
      <c r="D529" s="8">
        <v>6.5321695695694197</v>
      </c>
      <c r="E529" s="9">
        <v>1.68161995289179E-6</v>
      </c>
      <c r="F529" s="10">
        <v>4.7980907902612501E-6</v>
      </c>
      <c r="G529" s="8">
        <v>3.5920938706432199</v>
      </c>
      <c r="H529" s="8">
        <v>1819</v>
      </c>
      <c r="I529" s="8" t="s">
        <v>1608</v>
      </c>
      <c r="J529" s="11" t="s">
        <v>1609</v>
      </c>
      <c r="K529" s="8">
        <v>17</v>
      </c>
      <c r="L529" s="8">
        <v>18087886</v>
      </c>
      <c r="M529" s="8">
        <v>18107971</v>
      </c>
      <c r="N529" s="12">
        <v>1</v>
      </c>
      <c r="T529" s="25"/>
      <c r="U529" s="25"/>
    </row>
    <row r="530" spans="1:21" ht="114" x14ac:dyDescent="0.2">
      <c r="A530" s="8" t="s">
        <v>1610</v>
      </c>
      <c r="B530" s="8">
        <v>0.382162159520747</v>
      </c>
      <c r="C530" s="8">
        <v>5.0889960662322604</v>
      </c>
      <c r="D530" s="8">
        <v>6.5301340122445897</v>
      </c>
      <c r="E530" s="9">
        <v>1.68923584811433E-6</v>
      </c>
      <c r="F530" s="10">
        <v>4.8183719659801096E-6</v>
      </c>
      <c r="G530" s="8">
        <v>3.6373220932180201</v>
      </c>
      <c r="H530" s="8">
        <v>56902</v>
      </c>
      <c r="I530" s="8" t="s">
        <v>1611</v>
      </c>
      <c r="J530" s="11" t="s">
        <v>1612</v>
      </c>
      <c r="K530" s="8">
        <v>2</v>
      </c>
      <c r="L530" s="8">
        <v>68157844</v>
      </c>
      <c r="M530" s="8">
        <v>68176238</v>
      </c>
      <c r="N530" s="12">
        <v>1</v>
      </c>
      <c r="T530" s="25"/>
      <c r="U530" s="25"/>
    </row>
    <row r="531" spans="1:21" ht="128.25" x14ac:dyDescent="0.2">
      <c r="A531" s="8" t="s">
        <v>1613</v>
      </c>
      <c r="B531" s="8">
        <v>0.33564272945011298</v>
      </c>
      <c r="C531" s="8">
        <v>4.6668065416865803</v>
      </c>
      <c r="D531" s="8">
        <v>6.5264516189935797</v>
      </c>
      <c r="E531" s="9">
        <v>1.70310328255902E-6</v>
      </c>
      <c r="F531" s="10">
        <v>4.8535502317348697E-6</v>
      </c>
      <c r="G531" s="8">
        <v>3.7173874271922598</v>
      </c>
      <c r="H531" s="8">
        <v>63932</v>
      </c>
      <c r="I531" s="8" t="s">
        <v>1614</v>
      </c>
      <c r="J531" s="11" t="s">
        <v>1615</v>
      </c>
      <c r="K531" s="8" t="s">
        <v>108</v>
      </c>
      <c r="L531" s="8">
        <v>119538149</v>
      </c>
      <c r="M531" s="8">
        <v>119565408</v>
      </c>
      <c r="N531" s="12">
        <v>-1</v>
      </c>
      <c r="T531" s="25"/>
      <c r="U531" s="25"/>
    </row>
    <row r="532" spans="1:21" ht="114" x14ac:dyDescent="0.2">
      <c r="A532" s="8" t="s">
        <v>1616</v>
      </c>
      <c r="B532" s="8">
        <v>0.29339932314246803</v>
      </c>
      <c r="C532" s="8">
        <v>7.8926653861903002</v>
      </c>
      <c r="D532" s="8">
        <v>6.52337346874417</v>
      </c>
      <c r="E532" s="9">
        <v>1.71478478985733E-6</v>
      </c>
      <c r="F532" s="10">
        <v>4.8853732107975703E-6</v>
      </c>
      <c r="G532" s="8">
        <v>3.34079263140202</v>
      </c>
      <c r="H532" s="8">
        <v>23435</v>
      </c>
      <c r="I532" s="8" t="s">
        <v>1617</v>
      </c>
      <c r="J532" s="11" t="s">
        <v>1618</v>
      </c>
      <c r="K532" s="8">
        <v>1</v>
      </c>
      <c r="L532" s="8">
        <v>11012344</v>
      </c>
      <c r="M532" s="8">
        <v>11026420</v>
      </c>
      <c r="N532" s="12">
        <v>1</v>
      </c>
      <c r="T532" s="25"/>
      <c r="U532" s="25"/>
    </row>
    <row r="533" spans="1:21" ht="156.75" x14ac:dyDescent="0.2">
      <c r="A533" s="8" t="s">
        <v>1619</v>
      </c>
      <c r="B533" s="8">
        <v>-0.30163768251966899</v>
      </c>
      <c r="C533" s="8">
        <v>5.9645606654483903</v>
      </c>
      <c r="D533" s="8">
        <v>-6.5218056039372403</v>
      </c>
      <c r="E533" s="9">
        <v>1.7207663584082299E-6</v>
      </c>
      <c r="F533" s="10">
        <v>4.8994723456133503E-6</v>
      </c>
      <c r="G533" s="8">
        <v>3.4887270672799602</v>
      </c>
      <c r="H533" s="8">
        <v>154007</v>
      </c>
      <c r="I533" s="8" t="s">
        <v>1620</v>
      </c>
      <c r="J533" s="11" t="s">
        <v>1621</v>
      </c>
      <c r="K533" s="8">
        <v>6</v>
      </c>
      <c r="L533" s="8">
        <v>7590199</v>
      </c>
      <c r="M533" s="8">
        <v>7611967</v>
      </c>
      <c r="N533" s="12">
        <v>1</v>
      </c>
      <c r="T533" s="25"/>
      <c r="U533" s="25"/>
    </row>
    <row r="534" spans="1:21" ht="128.25" x14ac:dyDescent="0.2">
      <c r="A534" s="8" t="s">
        <v>1622</v>
      </c>
      <c r="B534" s="8">
        <v>0.31623190208702801</v>
      </c>
      <c r="C534" s="8">
        <v>5.5577696257457596</v>
      </c>
      <c r="D534" s="8">
        <v>6.5162617325365098</v>
      </c>
      <c r="E534" s="9">
        <v>1.74208897845078E-6</v>
      </c>
      <c r="F534" s="10">
        <v>4.9557221622036398E-6</v>
      </c>
      <c r="G534" s="8">
        <v>3.52417546969007</v>
      </c>
      <c r="H534" s="8">
        <v>64434</v>
      </c>
      <c r="I534" s="8" t="s">
        <v>1623</v>
      </c>
      <c r="J534" s="11" t="s">
        <v>1624</v>
      </c>
      <c r="K534" s="8">
        <v>7</v>
      </c>
      <c r="L534" s="8">
        <v>156949723</v>
      </c>
      <c r="M534" s="8">
        <v>156973182</v>
      </c>
      <c r="N534" s="12">
        <v>1</v>
      </c>
      <c r="T534" s="25"/>
      <c r="U534" s="25"/>
    </row>
    <row r="535" spans="1:21" ht="114" x14ac:dyDescent="0.2">
      <c r="A535" s="8" t="s">
        <v>1625</v>
      </c>
      <c r="B535" s="8">
        <v>-0.29654841868951498</v>
      </c>
      <c r="C535" s="8">
        <v>5.4688740723398199</v>
      </c>
      <c r="D535" s="8">
        <v>-6.5009049737825997</v>
      </c>
      <c r="E535" s="9">
        <v>1.80257988593208E-6</v>
      </c>
      <c r="F535" s="10">
        <v>5.11476652143138E-6</v>
      </c>
      <c r="G535" s="8">
        <v>3.5142746427976999</v>
      </c>
      <c r="H535" s="8">
        <v>10573</v>
      </c>
      <c r="I535" s="8" t="s">
        <v>1626</v>
      </c>
      <c r="J535" s="11" t="s">
        <v>1627</v>
      </c>
      <c r="K535" s="8">
        <v>16</v>
      </c>
      <c r="L535" s="8">
        <v>367384</v>
      </c>
      <c r="M535" s="8">
        <v>370527</v>
      </c>
      <c r="N535" s="12">
        <v>-1</v>
      </c>
      <c r="T535" s="25"/>
      <c r="U535" s="25"/>
    </row>
    <row r="536" spans="1:21" ht="128.25" x14ac:dyDescent="0.2">
      <c r="A536" s="8" t="s">
        <v>1628</v>
      </c>
      <c r="B536" s="8">
        <v>-0.32338842525822198</v>
      </c>
      <c r="C536" s="8">
        <v>4.7661806680535301</v>
      </c>
      <c r="D536" s="8">
        <v>-6.4952752320244604</v>
      </c>
      <c r="E536" s="9">
        <v>1.8252916472358E-6</v>
      </c>
      <c r="F536" s="10">
        <v>5.1753413401454803E-6</v>
      </c>
      <c r="G536" s="8">
        <v>3.6397012728732601</v>
      </c>
      <c r="H536" s="8">
        <v>9836</v>
      </c>
      <c r="I536" s="8" t="s">
        <v>1629</v>
      </c>
      <c r="J536" s="11" t="s">
        <v>1630</v>
      </c>
      <c r="K536" s="8">
        <v>15</v>
      </c>
      <c r="L536" s="8">
        <v>43323649</v>
      </c>
      <c r="M536" s="8">
        <v>43330605</v>
      </c>
      <c r="N536" s="12">
        <v>-1</v>
      </c>
      <c r="T536" s="25"/>
      <c r="U536" s="25"/>
    </row>
    <row r="537" spans="1:21" ht="128.25" x14ac:dyDescent="0.2">
      <c r="A537" s="8" t="s">
        <v>1631</v>
      </c>
      <c r="B537" s="8">
        <v>0.23943020046330499</v>
      </c>
      <c r="C537" s="8">
        <v>6.8000149399688903</v>
      </c>
      <c r="D537" s="8">
        <v>6.4920454213497099</v>
      </c>
      <c r="E537" s="9">
        <v>1.8384537662130401E-6</v>
      </c>
      <c r="F537" s="10">
        <v>5.2087693522581204E-6</v>
      </c>
      <c r="G537" s="8">
        <v>3.3355022499198799</v>
      </c>
      <c r="H537" s="8">
        <v>494115</v>
      </c>
      <c r="I537" s="8" t="s">
        <v>1632</v>
      </c>
      <c r="J537" s="11" t="s">
        <v>1633</v>
      </c>
      <c r="K537" s="8">
        <v>1</v>
      </c>
      <c r="L537" s="8">
        <v>88979456</v>
      </c>
      <c r="M537" s="8">
        <v>88992960</v>
      </c>
      <c r="N537" s="12">
        <v>-1</v>
      </c>
      <c r="T537" s="25"/>
      <c r="U537" s="25"/>
    </row>
    <row r="538" spans="1:21" ht="99.75" x14ac:dyDescent="0.2">
      <c r="A538" s="8" t="s">
        <v>1634</v>
      </c>
      <c r="B538" s="8">
        <v>0.27173813623531301</v>
      </c>
      <c r="C538" s="8">
        <v>5.98356963416306</v>
      </c>
      <c r="D538" s="8">
        <v>6.4861818515678502</v>
      </c>
      <c r="E538" s="9">
        <v>1.8625982792105601E-6</v>
      </c>
      <c r="F538" s="10">
        <v>5.2693094133242E-6</v>
      </c>
      <c r="G538" s="8">
        <v>3.3971963461231298</v>
      </c>
      <c r="H538" s="8">
        <v>55661</v>
      </c>
      <c r="I538" s="8" t="s">
        <v>1635</v>
      </c>
      <c r="J538" s="11" t="s">
        <v>1636</v>
      </c>
      <c r="K538" s="8">
        <v>20</v>
      </c>
      <c r="L538" s="8">
        <v>49219295</v>
      </c>
      <c r="M538" s="8">
        <v>49244077</v>
      </c>
      <c r="N538" s="12">
        <v>1</v>
      </c>
      <c r="T538" s="25"/>
      <c r="U538" s="25"/>
    </row>
    <row r="539" spans="1:21" ht="156.75" x14ac:dyDescent="0.2">
      <c r="A539" s="8" t="s">
        <v>1637</v>
      </c>
      <c r="B539" s="8">
        <v>0.235343201433872</v>
      </c>
      <c r="C539" s="8">
        <v>6.7841864901033198</v>
      </c>
      <c r="D539" s="8">
        <v>6.4840976466111204</v>
      </c>
      <c r="E539" s="9">
        <v>1.8712585693529399E-6</v>
      </c>
      <c r="F539" s="10">
        <v>5.2906546291136401E-6</v>
      </c>
      <c r="G539" s="8">
        <v>3.3184888997209798</v>
      </c>
      <c r="H539" s="8">
        <v>23168</v>
      </c>
      <c r="I539" s="8" t="s">
        <v>1638</v>
      </c>
      <c r="J539" s="11" t="s">
        <v>1639</v>
      </c>
      <c r="K539" s="8">
        <v>15</v>
      </c>
      <c r="L539" s="8">
        <v>41408408</v>
      </c>
      <c r="M539" s="8">
        <v>41483563</v>
      </c>
      <c r="N539" s="12">
        <v>1</v>
      </c>
      <c r="T539" s="25"/>
      <c r="U539" s="25"/>
    </row>
    <row r="540" spans="1:21" ht="142.5" x14ac:dyDescent="0.2">
      <c r="A540" s="8" t="s">
        <v>1640</v>
      </c>
      <c r="B540" s="8">
        <v>0.31943858431991601</v>
      </c>
      <c r="C540" s="8">
        <v>4.7330487119373901</v>
      </c>
      <c r="D540" s="8">
        <v>6.4813467048396802</v>
      </c>
      <c r="E540" s="9">
        <v>1.8827525429232001E-6</v>
      </c>
      <c r="F540" s="10">
        <v>5.3183975896179701E-6</v>
      </c>
      <c r="G540" s="8">
        <v>3.60002394199575</v>
      </c>
      <c r="H540" s="8">
        <v>55109</v>
      </c>
      <c r="I540" s="8" t="s">
        <v>1641</v>
      </c>
      <c r="J540" s="11" t="s">
        <v>1642</v>
      </c>
      <c r="K540" s="8">
        <v>5</v>
      </c>
      <c r="L540" s="8">
        <v>77029251</v>
      </c>
      <c r="M540" s="8">
        <v>77065234</v>
      </c>
      <c r="N540" s="12">
        <v>1</v>
      </c>
    </row>
    <row r="541" spans="1:21" ht="128.25" x14ac:dyDescent="0.2">
      <c r="A541" s="8" t="s">
        <v>1643</v>
      </c>
      <c r="B541" s="8">
        <v>0.25648217701672499</v>
      </c>
      <c r="C541" s="8">
        <v>7.5860433949769899</v>
      </c>
      <c r="D541" s="8">
        <v>6.4498453591025102</v>
      </c>
      <c r="E541" s="9">
        <v>2.0196508116018998E-6</v>
      </c>
      <c r="F541" s="10">
        <v>5.6789025710133798E-6</v>
      </c>
      <c r="G541" s="8">
        <v>3.1905179320439698</v>
      </c>
      <c r="H541" s="8">
        <v>9689</v>
      </c>
      <c r="I541" s="8" t="s">
        <v>1644</v>
      </c>
      <c r="J541" s="11" t="s">
        <v>1645</v>
      </c>
      <c r="K541" s="8">
        <v>2</v>
      </c>
      <c r="L541" s="8">
        <v>200810594</v>
      </c>
      <c r="M541" s="8">
        <v>200827338</v>
      </c>
      <c r="N541" s="12">
        <v>1</v>
      </c>
      <c r="T541" s="25"/>
      <c r="U541" s="25"/>
    </row>
    <row r="542" spans="1:21" ht="128.25" x14ac:dyDescent="0.2">
      <c r="A542" s="8" t="s">
        <v>1646</v>
      </c>
      <c r="B542" s="8">
        <v>0.26126087105149298</v>
      </c>
      <c r="C542" s="8">
        <v>6.69701030530066</v>
      </c>
      <c r="D542" s="8">
        <v>6.4473220142616396</v>
      </c>
      <c r="E542" s="9">
        <v>2.03104902829438E-6</v>
      </c>
      <c r="F542" s="10">
        <v>5.70926046658902E-6</v>
      </c>
      <c r="G542" s="8">
        <v>3.2406886362769098</v>
      </c>
      <c r="H542" s="8">
        <v>1933</v>
      </c>
      <c r="I542" s="8" t="s">
        <v>1647</v>
      </c>
      <c r="J542" s="11" t="s">
        <v>1648</v>
      </c>
      <c r="K542" s="8">
        <v>2</v>
      </c>
      <c r="L542" s="8">
        <v>206159585</v>
      </c>
      <c r="M542" s="8">
        <v>206162928</v>
      </c>
      <c r="N542" s="12">
        <v>1</v>
      </c>
      <c r="T542" s="25"/>
      <c r="U542" s="25"/>
    </row>
    <row r="543" spans="1:21" ht="128.25" x14ac:dyDescent="0.2">
      <c r="A543" s="8" t="s">
        <v>1649</v>
      </c>
      <c r="B543" s="8">
        <v>0.27602009115991999</v>
      </c>
      <c r="C543" s="8">
        <v>6.4459019285848704</v>
      </c>
      <c r="D543" s="8">
        <v>6.4298635361730003</v>
      </c>
      <c r="E543" s="9">
        <v>2.1117389600108398E-6</v>
      </c>
      <c r="F543" s="10">
        <v>5.9176713296110002E-6</v>
      </c>
      <c r="G543" s="8">
        <v>3.2207004040063798</v>
      </c>
      <c r="H543" s="8">
        <v>92906</v>
      </c>
      <c r="I543" s="8" t="s">
        <v>1650</v>
      </c>
      <c r="J543" s="11" t="s">
        <v>1651</v>
      </c>
      <c r="K543" s="8">
        <v>2</v>
      </c>
      <c r="L543" s="8">
        <v>38561978</v>
      </c>
      <c r="M543" s="8">
        <v>38603586</v>
      </c>
      <c r="N543" s="12">
        <v>-1</v>
      </c>
      <c r="T543" s="25"/>
      <c r="U543" s="25"/>
    </row>
    <row r="544" spans="1:21" ht="128.25" x14ac:dyDescent="0.2">
      <c r="A544" s="8" t="s">
        <v>1652</v>
      </c>
      <c r="B544" s="8">
        <v>0.26403037865770101</v>
      </c>
      <c r="C544" s="8">
        <v>7.0229983258600699</v>
      </c>
      <c r="D544" s="8">
        <v>6.4193139556910097</v>
      </c>
      <c r="E544" s="9">
        <v>2.16208295870558E-6</v>
      </c>
      <c r="F544" s="10">
        <v>6.0453585247319496E-6</v>
      </c>
      <c r="G544" s="8">
        <v>3.1544702424594599</v>
      </c>
      <c r="H544" s="8">
        <v>9125</v>
      </c>
      <c r="I544" s="8" t="s">
        <v>1653</v>
      </c>
      <c r="J544" s="11" t="s">
        <v>1654</v>
      </c>
      <c r="K544" s="8">
        <v>2</v>
      </c>
      <c r="L544" s="8">
        <v>218568580</v>
      </c>
      <c r="M544" s="8">
        <v>218597080</v>
      </c>
      <c r="N544" s="12">
        <v>1</v>
      </c>
      <c r="T544" s="25"/>
      <c r="U544" s="25"/>
    </row>
    <row r="545" spans="1:21" ht="114" x14ac:dyDescent="0.2">
      <c r="A545" s="8" t="s">
        <v>1655</v>
      </c>
      <c r="B545" s="8">
        <v>0.27494256180550702</v>
      </c>
      <c r="C545" s="8">
        <v>5.8621940364155103</v>
      </c>
      <c r="D545" s="8">
        <v>6.4156227685805103</v>
      </c>
      <c r="E545" s="9">
        <v>2.1799869397611502E-6</v>
      </c>
      <c r="F545" s="10">
        <v>6.0918292086360302E-6</v>
      </c>
      <c r="G545" s="8">
        <v>3.2511262721416698</v>
      </c>
      <c r="H545" s="8">
        <v>64960</v>
      </c>
      <c r="I545" s="8" t="s">
        <v>1656</v>
      </c>
      <c r="J545" s="11" t="s">
        <v>1657</v>
      </c>
      <c r="K545" s="8">
        <v>1</v>
      </c>
      <c r="L545" s="8">
        <v>36455718</v>
      </c>
      <c r="M545" s="8">
        <v>36464437</v>
      </c>
      <c r="N545" s="12">
        <v>-1</v>
      </c>
      <c r="T545" s="25"/>
      <c r="U545" s="25"/>
    </row>
    <row r="546" spans="1:21" ht="99.75" x14ac:dyDescent="0.2">
      <c r="A546" s="8" t="s">
        <v>1658</v>
      </c>
      <c r="B546" s="8">
        <v>-0.33796076486246401</v>
      </c>
      <c r="C546" s="8">
        <v>8.7154337326615305</v>
      </c>
      <c r="D546" s="8">
        <v>-6.4104078601723797</v>
      </c>
      <c r="E546" s="9">
        <v>2.2055410593701998E-6</v>
      </c>
      <c r="F546" s="10">
        <v>6.1596104023058497E-6</v>
      </c>
      <c r="G546" s="8">
        <v>3.0432757510825099</v>
      </c>
      <c r="H546" s="8">
        <v>8365</v>
      </c>
      <c r="I546" s="8" t="s">
        <v>1659</v>
      </c>
      <c r="J546" s="11" t="s">
        <v>1660</v>
      </c>
      <c r="K546" s="8">
        <v>6</v>
      </c>
      <c r="L546" s="8">
        <v>26277609</v>
      </c>
      <c r="M546" s="8">
        <v>26285638</v>
      </c>
      <c r="N546" s="12">
        <v>-1</v>
      </c>
      <c r="T546" s="25"/>
      <c r="U546" s="25"/>
    </row>
    <row r="547" spans="1:21" ht="128.25" x14ac:dyDescent="0.2">
      <c r="A547" s="8" t="s">
        <v>1661</v>
      </c>
      <c r="B547" s="8">
        <v>0.23881725659866701</v>
      </c>
      <c r="C547" s="8">
        <v>7.6438165018539204</v>
      </c>
      <c r="D547" s="8">
        <v>6.4099361100766803</v>
      </c>
      <c r="E547" s="9">
        <v>2.2078678234045801E-6</v>
      </c>
      <c r="F547" s="10">
        <v>6.16520124849158E-6</v>
      </c>
      <c r="G547" s="8">
        <v>3.0960104765388898</v>
      </c>
      <c r="H547" s="8">
        <v>3646</v>
      </c>
      <c r="I547" s="8" t="s">
        <v>1662</v>
      </c>
      <c r="J547" s="11" t="s">
        <v>1663</v>
      </c>
      <c r="K547" s="8">
        <v>8</v>
      </c>
      <c r="L547" s="8">
        <v>108201216</v>
      </c>
      <c r="M547" s="8">
        <v>108435333</v>
      </c>
      <c r="N547" s="12">
        <v>-1</v>
      </c>
      <c r="T547" s="25"/>
      <c r="U547" s="25"/>
    </row>
    <row r="548" spans="1:21" ht="114" x14ac:dyDescent="0.2">
      <c r="A548" s="8" t="s">
        <v>1664</v>
      </c>
      <c r="B548" s="8">
        <v>0.25999285134149602</v>
      </c>
      <c r="C548" s="8">
        <v>5.5879594549154898</v>
      </c>
      <c r="D548" s="8">
        <v>6.40359805182029</v>
      </c>
      <c r="E548" s="9">
        <v>2.23937346922138E-6</v>
      </c>
      <c r="F548" s="10">
        <v>6.2476610299050601E-6</v>
      </c>
      <c r="G548" s="8">
        <v>3.2626442083781302</v>
      </c>
      <c r="H548" s="8">
        <v>64983</v>
      </c>
      <c r="I548" s="8" t="s">
        <v>1665</v>
      </c>
      <c r="J548" s="11" t="s">
        <v>1666</v>
      </c>
      <c r="K548" s="8">
        <v>7</v>
      </c>
      <c r="L548" s="8">
        <v>42932200</v>
      </c>
      <c r="M548" s="8">
        <v>42948958</v>
      </c>
      <c r="N548" s="12">
        <v>1</v>
      </c>
      <c r="T548" s="25"/>
      <c r="U548" s="25"/>
    </row>
    <row r="549" spans="1:21" ht="128.25" x14ac:dyDescent="0.2">
      <c r="A549" s="8" t="s">
        <v>1667</v>
      </c>
      <c r="B549" s="8">
        <v>-0.30103701292332202</v>
      </c>
      <c r="C549" s="8">
        <v>6.8976413886556598</v>
      </c>
      <c r="D549" s="8">
        <v>-6.3921455503385598</v>
      </c>
      <c r="E549" s="9">
        <v>2.2974759937134102E-6</v>
      </c>
      <c r="F549" s="10">
        <v>6.3975351331914002E-6</v>
      </c>
      <c r="G549" s="8">
        <v>3.1044074810280202</v>
      </c>
      <c r="H549" s="8">
        <v>8615</v>
      </c>
      <c r="I549" s="8" t="s">
        <v>1668</v>
      </c>
      <c r="J549" s="11" t="s">
        <v>1669</v>
      </c>
      <c r="K549" s="8">
        <v>4</v>
      </c>
      <c r="L549" s="8">
        <v>75724593</v>
      </c>
      <c r="M549" s="8">
        <v>75814286</v>
      </c>
      <c r="N549" s="12">
        <v>1</v>
      </c>
      <c r="T549" s="25"/>
      <c r="U549" s="25"/>
    </row>
    <row r="550" spans="1:21" ht="128.25" x14ac:dyDescent="0.2">
      <c r="A550" s="8" t="s">
        <v>1670</v>
      </c>
      <c r="B550" s="8">
        <v>0.27711117526170198</v>
      </c>
      <c r="C550" s="8">
        <v>5.7030034959867102</v>
      </c>
      <c r="D550" s="8">
        <v>6.3876390179690103</v>
      </c>
      <c r="E550" s="9">
        <v>2.3207607581825301E-6</v>
      </c>
      <c r="F550" s="10">
        <v>6.4566891816492999E-6</v>
      </c>
      <c r="G550" s="8">
        <v>3.2088391941350598</v>
      </c>
      <c r="H550" s="8">
        <v>84340</v>
      </c>
      <c r="I550" s="8" t="s">
        <v>1671</v>
      </c>
      <c r="J550" s="11" t="s">
        <v>1672</v>
      </c>
      <c r="K550" s="8">
        <v>5</v>
      </c>
      <c r="L550" s="8">
        <v>74721204</v>
      </c>
      <c r="M550" s="8">
        <v>74767371</v>
      </c>
      <c r="N550" s="12">
        <v>-1</v>
      </c>
      <c r="T550" s="25"/>
      <c r="U550" s="25"/>
    </row>
    <row r="551" spans="1:21" ht="99.75" x14ac:dyDescent="0.2">
      <c r="A551" s="8" t="s">
        <v>1673</v>
      </c>
      <c r="B551" s="8">
        <v>0.21734752499568799</v>
      </c>
      <c r="C551" s="8">
        <v>9.0574300129457406</v>
      </c>
      <c r="D551" s="8">
        <v>6.3725895147176503</v>
      </c>
      <c r="E551" s="9">
        <v>2.4002873071411999E-6</v>
      </c>
      <c r="F551" s="10">
        <v>6.6603673384440203E-6</v>
      </c>
      <c r="G551" s="8">
        <v>2.93861965396863</v>
      </c>
      <c r="H551" s="8">
        <v>4904</v>
      </c>
      <c r="I551" s="8" t="s">
        <v>1674</v>
      </c>
      <c r="J551" s="11" t="s">
        <v>1675</v>
      </c>
      <c r="K551" s="8">
        <v>1</v>
      </c>
      <c r="L551" s="8">
        <v>42682427</v>
      </c>
      <c r="M551" s="8">
        <v>42702349</v>
      </c>
      <c r="N551" s="12">
        <v>1</v>
      </c>
      <c r="T551" s="25"/>
      <c r="U551" s="25"/>
    </row>
    <row r="552" spans="1:21" ht="114" x14ac:dyDescent="0.2">
      <c r="A552" s="8" t="s">
        <v>1676</v>
      </c>
      <c r="B552" s="8">
        <v>0.34558064539390698</v>
      </c>
      <c r="C552" s="8">
        <v>4.2875402214713301</v>
      </c>
      <c r="D552" s="8">
        <v>6.3540431660554804</v>
      </c>
      <c r="E552" s="9">
        <v>2.5021474658421801E-6</v>
      </c>
      <c r="F552" s="10">
        <v>6.9298383624178398E-6</v>
      </c>
      <c r="G552" s="8">
        <v>3.4123174323218102</v>
      </c>
      <c r="H552" s="8">
        <v>376940</v>
      </c>
      <c r="I552" s="8" t="s">
        <v>1677</v>
      </c>
      <c r="J552" s="11" t="s">
        <v>1678</v>
      </c>
      <c r="K552" s="8">
        <v>2</v>
      </c>
      <c r="L552" s="8">
        <v>112275594</v>
      </c>
      <c r="M552" s="8">
        <v>112340063</v>
      </c>
      <c r="N552" s="12">
        <v>1</v>
      </c>
      <c r="T552" s="25"/>
      <c r="U552" s="25"/>
    </row>
    <row r="553" spans="1:21" ht="128.25" x14ac:dyDescent="0.2">
      <c r="A553" s="8" t="s">
        <v>1679</v>
      </c>
      <c r="B553" s="8">
        <v>0.28491227365645799</v>
      </c>
      <c r="C553" s="8">
        <v>5.6953372233482797</v>
      </c>
      <c r="D553" s="8">
        <v>6.3495630161347103</v>
      </c>
      <c r="E553" s="9">
        <v>2.5274108468390301E-6</v>
      </c>
      <c r="F553" s="10">
        <v>6.9977641728135703E-6</v>
      </c>
      <c r="G553" s="8">
        <v>3.1225815951859799</v>
      </c>
      <c r="H553" s="8">
        <v>81887</v>
      </c>
      <c r="I553" s="8" t="s">
        <v>1680</v>
      </c>
      <c r="J553" s="11" t="s">
        <v>1681</v>
      </c>
      <c r="K553" s="8" t="s">
        <v>108</v>
      </c>
      <c r="L553" s="8">
        <v>65512582</v>
      </c>
      <c r="M553" s="8">
        <v>65534775</v>
      </c>
      <c r="N553" s="12">
        <v>-1</v>
      </c>
      <c r="T553" s="25"/>
      <c r="U553" s="25"/>
    </row>
    <row r="554" spans="1:21" ht="99.75" x14ac:dyDescent="0.2">
      <c r="A554" s="8" t="s">
        <v>1682</v>
      </c>
      <c r="B554" s="8">
        <v>0.43882252960371698</v>
      </c>
      <c r="C554" s="8">
        <v>4.6088512872524303</v>
      </c>
      <c r="D554" s="8">
        <v>6.3439080197890796</v>
      </c>
      <c r="E554" s="9">
        <v>2.5596727066127599E-6</v>
      </c>
      <c r="F554" s="10">
        <v>7.0808905179869302E-6</v>
      </c>
      <c r="G554" s="8">
        <v>3.3123756066269201</v>
      </c>
      <c r="H554" s="8" t="s">
        <v>1683</v>
      </c>
      <c r="I554" s="8" t="s">
        <v>1684</v>
      </c>
      <c r="J554" s="11" t="s">
        <v>1685</v>
      </c>
      <c r="K554" s="8">
        <v>8</v>
      </c>
      <c r="L554" s="8">
        <v>144078626</v>
      </c>
      <c r="M554" s="8">
        <v>144080647</v>
      </c>
      <c r="N554" s="12">
        <v>1</v>
      </c>
      <c r="T554" s="25"/>
    </row>
    <row r="555" spans="1:21" ht="142.5" x14ac:dyDescent="0.2">
      <c r="A555" s="8" t="s">
        <v>1686</v>
      </c>
      <c r="B555" s="8">
        <v>0.375649052939377</v>
      </c>
      <c r="C555" s="8">
        <v>6.0494391344327703</v>
      </c>
      <c r="D555" s="8">
        <v>6.3259481699783802</v>
      </c>
      <c r="E555" s="9">
        <v>2.6649599452590902E-6</v>
      </c>
      <c r="F555" s="10">
        <v>7.3507187327298904E-6</v>
      </c>
      <c r="G555" s="8">
        <v>3.0220620286708302</v>
      </c>
      <c r="H555" s="8">
        <v>9816</v>
      </c>
      <c r="I555" s="8" t="s">
        <v>1687</v>
      </c>
      <c r="J555" s="11" t="s">
        <v>1688</v>
      </c>
      <c r="K555" s="8">
        <v>1</v>
      </c>
      <c r="L555" s="8">
        <v>229626234</v>
      </c>
      <c r="M555" s="8">
        <v>229660199</v>
      </c>
      <c r="N555" s="12">
        <v>1</v>
      </c>
      <c r="T555" s="25"/>
      <c r="U555" s="25"/>
    </row>
    <row r="556" spans="1:21" ht="114" x14ac:dyDescent="0.2">
      <c r="A556" s="8" t="s">
        <v>1689</v>
      </c>
      <c r="B556" s="8">
        <v>0.23736409052497501</v>
      </c>
      <c r="C556" s="8">
        <v>6.8578646603371602</v>
      </c>
      <c r="D556" s="8">
        <v>6.3087740870761699</v>
      </c>
      <c r="E556" s="9">
        <v>2.7697919378674401E-6</v>
      </c>
      <c r="F556" s="10">
        <v>7.6221493046563696E-6</v>
      </c>
      <c r="G556" s="8">
        <v>2.9117733589805601</v>
      </c>
      <c r="H556" s="8">
        <v>9100</v>
      </c>
      <c r="I556" s="8" t="s">
        <v>1690</v>
      </c>
      <c r="J556" s="11" t="s">
        <v>1691</v>
      </c>
      <c r="K556" s="8">
        <v>16</v>
      </c>
      <c r="L556" s="8">
        <v>84699978</v>
      </c>
      <c r="M556" s="8">
        <v>84779922</v>
      </c>
      <c r="N556" s="12">
        <v>1</v>
      </c>
      <c r="T556" s="25"/>
      <c r="U556" s="25"/>
    </row>
    <row r="557" spans="1:21" ht="114" x14ac:dyDescent="0.2">
      <c r="A557" s="8" t="s">
        <v>1692</v>
      </c>
      <c r="B557" s="8">
        <v>0.271092151871343</v>
      </c>
      <c r="C557" s="8">
        <v>6.2144966139841404</v>
      </c>
      <c r="D557" s="8">
        <v>6.30834171921909</v>
      </c>
      <c r="E557" s="9">
        <v>2.7724849921645301E-6</v>
      </c>
      <c r="F557" s="10">
        <v>7.6284540664500904E-6</v>
      </c>
      <c r="G557" s="8">
        <v>2.9640176852914402</v>
      </c>
      <c r="H557" s="8">
        <v>161424</v>
      </c>
      <c r="I557" s="8" t="s">
        <v>1693</v>
      </c>
      <c r="J557" s="11" t="s">
        <v>1694</v>
      </c>
      <c r="K557" s="8">
        <v>14</v>
      </c>
      <c r="L557" s="8">
        <v>24299862</v>
      </c>
      <c r="M557" s="8">
        <v>24309124</v>
      </c>
      <c r="N557" s="12">
        <v>1</v>
      </c>
      <c r="T557" s="25"/>
      <c r="U557" s="25"/>
    </row>
    <row r="558" spans="1:21" ht="99.75" x14ac:dyDescent="0.2">
      <c r="A558" s="8" t="s">
        <v>1695</v>
      </c>
      <c r="B558" s="8">
        <v>0.25559101152307001</v>
      </c>
      <c r="C558" s="8">
        <v>6.0144000813315897</v>
      </c>
      <c r="D558" s="8">
        <v>6.3071567330819196</v>
      </c>
      <c r="E558" s="9">
        <v>2.7798795751948002E-6</v>
      </c>
      <c r="F558" s="10">
        <v>7.6476913161020199E-6</v>
      </c>
      <c r="G558" s="8">
        <v>2.9835029057858402</v>
      </c>
      <c r="H558" s="8">
        <v>7690</v>
      </c>
      <c r="I558" s="8" t="s">
        <v>1696</v>
      </c>
      <c r="J558" s="11" t="s">
        <v>1697</v>
      </c>
      <c r="K558" s="8">
        <v>5</v>
      </c>
      <c r="L558" s="8">
        <v>43065176</v>
      </c>
      <c r="M558" s="8">
        <v>43192021</v>
      </c>
      <c r="N558" s="12">
        <v>1</v>
      </c>
      <c r="T558" s="25"/>
      <c r="U558" s="25"/>
    </row>
    <row r="559" spans="1:21" ht="114" x14ac:dyDescent="0.2">
      <c r="A559" s="8" t="s">
        <v>1698</v>
      </c>
      <c r="B559" s="8">
        <v>0.35080610244914201</v>
      </c>
      <c r="C559" s="8">
        <v>4.3501319487837202</v>
      </c>
      <c r="D559" s="8">
        <v>6.2876956831934399</v>
      </c>
      <c r="E559" s="9">
        <v>2.9042532168991399E-6</v>
      </c>
      <c r="F559" s="10">
        <v>7.9667553190365604E-6</v>
      </c>
      <c r="G559" s="8">
        <v>3.2445701720605999</v>
      </c>
      <c r="H559" s="8">
        <v>8446</v>
      </c>
      <c r="I559" s="8" t="s">
        <v>1699</v>
      </c>
      <c r="J559" s="11" t="s">
        <v>1700</v>
      </c>
      <c r="K559" s="8">
        <v>2</v>
      </c>
      <c r="L559" s="8">
        <v>73762184</v>
      </c>
      <c r="M559" s="8">
        <v>73780157</v>
      </c>
      <c r="N559" s="12">
        <v>-1</v>
      </c>
    </row>
    <row r="560" spans="1:21" ht="114" x14ac:dyDescent="0.2">
      <c r="A560" s="8" t="s">
        <v>1701</v>
      </c>
      <c r="B560" s="8">
        <v>0.26801069077026302</v>
      </c>
      <c r="C560" s="8">
        <v>5.6952434572905304</v>
      </c>
      <c r="D560" s="8">
        <v>6.2781813788091396</v>
      </c>
      <c r="E560" s="9">
        <v>2.9671183007643801E-6</v>
      </c>
      <c r="F560" s="10">
        <v>8.1286276878310492E-6</v>
      </c>
      <c r="G560" s="8">
        <v>2.95852263283092</v>
      </c>
      <c r="H560" s="8" t="s">
        <v>1702</v>
      </c>
      <c r="I560" s="8" t="s">
        <v>1703</v>
      </c>
      <c r="J560" s="11" t="s">
        <v>1704</v>
      </c>
      <c r="K560" s="8">
        <v>10</v>
      </c>
      <c r="L560" s="8">
        <v>30309801</v>
      </c>
      <c r="M560" s="8">
        <v>30374448</v>
      </c>
      <c r="N560" s="12">
        <v>-1</v>
      </c>
      <c r="T560" s="25"/>
      <c r="U560" s="25"/>
    </row>
    <row r="561" spans="1:21" ht="128.25" x14ac:dyDescent="0.2">
      <c r="A561" s="8" t="s">
        <v>1705</v>
      </c>
      <c r="B561" s="8">
        <v>0.256087479395392</v>
      </c>
      <c r="C561" s="8">
        <v>5.8341779331967301</v>
      </c>
      <c r="D561" s="8">
        <v>6.2713346423075498</v>
      </c>
      <c r="E561" s="9">
        <v>3.0132185111877899E-6</v>
      </c>
      <c r="F561" s="10">
        <v>8.2394593208661E-6</v>
      </c>
      <c r="G561" s="8">
        <v>2.92359391969064</v>
      </c>
      <c r="H561" s="8">
        <v>4731</v>
      </c>
      <c r="I561" s="8" t="s">
        <v>1706</v>
      </c>
      <c r="J561" s="11" t="s">
        <v>1707</v>
      </c>
      <c r="K561" s="8">
        <v>21</v>
      </c>
      <c r="L561" s="8">
        <v>42879644</v>
      </c>
      <c r="M561" s="8">
        <v>42913304</v>
      </c>
      <c r="N561" s="12">
        <v>1</v>
      </c>
      <c r="T561" s="25"/>
      <c r="U561" s="25"/>
    </row>
    <row r="562" spans="1:21" ht="114" x14ac:dyDescent="0.2">
      <c r="A562" s="8" t="s">
        <v>1708</v>
      </c>
      <c r="B562" s="8">
        <v>0.20590524107312</v>
      </c>
      <c r="C562" s="8">
        <v>8.3345944187340795</v>
      </c>
      <c r="D562" s="8">
        <v>6.2672041204484898</v>
      </c>
      <c r="E562" s="9">
        <v>3.0413840985878802E-6</v>
      </c>
      <c r="F562" s="10">
        <v>8.3092925480711608E-6</v>
      </c>
      <c r="G562" s="8">
        <v>2.7303999743228999</v>
      </c>
      <c r="H562" s="8">
        <v>5037</v>
      </c>
      <c r="I562" s="8" t="s">
        <v>1709</v>
      </c>
      <c r="J562" s="11" t="s">
        <v>1710</v>
      </c>
      <c r="K562" s="8">
        <v>12</v>
      </c>
      <c r="L562" s="8">
        <v>118135858</v>
      </c>
      <c r="M562" s="8">
        <v>118145584</v>
      </c>
      <c r="N562" s="12">
        <v>1</v>
      </c>
      <c r="T562" s="25"/>
      <c r="U562" s="25"/>
    </row>
    <row r="563" spans="1:21" ht="114" x14ac:dyDescent="0.2">
      <c r="A563" s="8" t="s">
        <v>1711</v>
      </c>
      <c r="B563" s="8">
        <v>0.28374745527336098</v>
      </c>
      <c r="C563" s="8">
        <v>5.4469727053669699</v>
      </c>
      <c r="D563" s="8">
        <v>6.2603362158498896</v>
      </c>
      <c r="E563" s="9">
        <v>3.08881382943893E-6</v>
      </c>
      <c r="F563" s="10">
        <v>8.4303782599255696E-6</v>
      </c>
      <c r="G563" s="8">
        <v>2.95585206612924</v>
      </c>
      <c r="H563" s="8">
        <v>10556</v>
      </c>
      <c r="I563" s="8" t="s">
        <v>1712</v>
      </c>
      <c r="J563" s="11" t="s">
        <v>1713</v>
      </c>
      <c r="K563" s="8">
        <v>10</v>
      </c>
      <c r="L563" s="8">
        <v>90871716</v>
      </c>
      <c r="M563" s="8">
        <v>90908553</v>
      </c>
      <c r="N563" s="12">
        <v>1</v>
      </c>
      <c r="T563" s="25"/>
      <c r="U563" s="25"/>
    </row>
    <row r="564" spans="1:21" ht="114" x14ac:dyDescent="0.2">
      <c r="A564" s="8" t="s">
        <v>1714</v>
      </c>
      <c r="B564" s="8">
        <v>0.29457341101782603</v>
      </c>
      <c r="C564" s="8">
        <v>6.8552123757350696</v>
      </c>
      <c r="D564" s="8">
        <v>6.2591541951863796</v>
      </c>
      <c r="E564" s="9">
        <v>3.0970529416670802E-6</v>
      </c>
      <c r="F564" s="10">
        <v>8.4480054152675295E-6</v>
      </c>
      <c r="G564" s="8">
        <v>2.79739089728157</v>
      </c>
      <c r="H564" s="8">
        <v>6741</v>
      </c>
      <c r="I564" s="8" t="s">
        <v>1715</v>
      </c>
      <c r="J564" s="11" t="s">
        <v>1716</v>
      </c>
      <c r="K564" s="8">
        <v>2</v>
      </c>
      <c r="L564" s="8">
        <v>169791933</v>
      </c>
      <c r="M564" s="8">
        <v>169812064</v>
      </c>
      <c r="N564" s="12">
        <v>1</v>
      </c>
      <c r="T564" s="25"/>
      <c r="U564" s="25"/>
    </row>
    <row r="565" spans="1:21" ht="114" x14ac:dyDescent="0.2">
      <c r="A565" s="8" t="s">
        <v>1717</v>
      </c>
      <c r="B565" s="8">
        <v>0.26225230737458499</v>
      </c>
      <c r="C565" s="8">
        <v>8.4115460683825507</v>
      </c>
      <c r="D565" s="8">
        <v>6.2545416515711496</v>
      </c>
      <c r="E565" s="9">
        <v>3.1294198823766001E-6</v>
      </c>
      <c r="F565" s="10">
        <v>8.5264897498723292E-6</v>
      </c>
      <c r="G565" s="8">
        <v>2.6970063271834799</v>
      </c>
      <c r="H565" s="8">
        <v>908</v>
      </c>
      <c r="I565" s="8" t="s">
        <v>1718</v>
      </c>
      <c r="J565" s="11" t="s">
        <v>1719</v>
      </c>
      <c r="K565" s="8">
        <v>7</v>
      </c>
      <c r="L565" s="8">
        <v>56051630</v>
      </c>
      <c r="M565" s="8">
        <v>56063989</v>
      </c>
      <c r="N565" s="12">
        <v>1</v>
      </c>
    </row>
    <row r="566" spans="1:21" ht="128.25" x14ac:dyDescent="0.2">
      <c r="A566" s="8" t="s">
        <v>1720</v>
      </c>
      <c r="B566" s="8">
        <v>0.264743310059879</v>
      </c>
      <c r="C566" s="8">
        <v>5.7158354087281902</v>
      </c>
      <c r="D566" s="8">
        <v>6.2513111444078699</v>
      </c>
      <c r="E566" s="9">
        <v>3.1522949228947E-6</v>
      </c>
      <c r="F566" s="10">
        <v>8.5801923051882708E-6</v>
      </c>
      <c r="G566" s="8">
        <v>2.89358545447358</v>
      </c>
      <c r="H566" s="8">
        <v>29777</v>
      </c>
      <c r="I566" s="8" t="s">
        <v>1721</v>
      </c>
      <c r="J566" s="11" t="s">
        <v>1722</v>
      </c>
      <c r="K566" s="8">
        <v>6</v>
      </c>
      <c r="L566" s="8">
        <v>26596952</v>
      </c>
      <c r="M566" s="8">
        <v>26600744</v>
      </c>
      <c r="N566" s="12">
        <v>1</v>
      </c>
      <c r="T566" s="25"/>
      <c r="U566" s="25"/>
    </row>
    <row r="567" spans="1:21" ht="114" x14ac:dyDescent="0.2">
      <c r="A567" s="8" t="s">
        <v>1723</v>
      </c>
      <c r="B567" s="8">
        <v>0.19170743625751999</v>
      </c>
      <c r="C567" s="8">
        <v>7.97973455705477</v>
      </c>
      <c r="D567" s="8">
        <v>6.2420606470378699</v>
      </c>
      <c r="E567" s="9">
        <v>3.21874887638769E-6</v>
      </c>
      <c r="F567" s="10">
        <v>8.7560489431205801E-6</v>
      </c>
      <c r="G567" s="8">
        <v>2.6914815549452098</v>
      </c>
      <c r="H567" s="8">
        <v>26057</v>
      </c>
      <c r="I567" s="8" t="s">
        <v>1724</v>
      </c>
      <c r="J567" s="11" t="s">
        <v>1725</v>
      </c>
      <c r="K567" s="8">
        <v>4</v>
      </c>
      <c r="L567" s="8">
        <v>73073376</v>
      </c>
      <c r="M567" s="8">
        <v>73258798</v>
      </c>
      <c r="N567" s="12">
        <v>-1</v>
      </c>
      <c r="T567" s="25"/>
      <c r="U567" s="25"/>
    </row>
    <row r="568" spans="1:21" ht="85.5" x14ac:dyDescent="0.2">
      <c r="A568" s="8" t="s">
        <v>1726</v>
      </c>
      <c r="B568" s="8">
        <v>0.231516968247167</v>
      </c>
      <c r="C568" s="8">
        <v>8.0178883390166806</v>
      </c>
      <c r="D568" s="8">
        <v>6.2390897391281301</v>
      </c>
      <c r="E568" s="9">
        <v>3.2403943048099401E-6</v>
      </c>
      <c r="F568" s="10">
        <v>8.8124050906245692E-6</v>
      </c>
      <c r="G568" s="8">
        <v>2.68234782571716</v>
      </c>
      <c r="H568" s="8">
        <v>51520</v>
      </c>
      <c r="I568" s="8" t="s">
        <v>1727</v>
      </c>
      <c r="J568" s="11" t="s">
        <v>1728</v>
      </c>
      <c r="K568" s="8">
        <v>5</v>
      </c>
      <c r="L568" s="8">
        <v>146113038</v>
      </c>
      <c r="M568" s="8">
        <v>146182660</v>
      </c>
      <c r="N568" s="12">
        <v>-1</v>
      </c>
      <c r="T568" s="25"/>
      <c r="U568" s="25"/>
    </row>
    <row r="569" spans="1:21" ht="99.75" x14ac:dyDescent="0.2">
      <c r="A569" s="8" t="s">
        <v>1729</v>
      </c>
      <c r="B569" s="8">
        <v>0.25736013090630699</v>
      </c>
      <c r="C569" s="8">
        <v>5.4783517590060704</v>
      </c>
      <c r="D569" s="8">
        <v>6.2349384488142903</v>
      </c>
      <c r="E569" s="9">
        <v>3.2708896388221401E-6</v>
      </c>
      <c r="F569" s="10">
        <v>8.8889693077370505E-6</v>
      </c>
      <c r="G569" s="8">
        <v>2.8923973112539501</v>
      </c>
      <c r="H569" s="8">
        <v>84811</v>
      </c>
      <c r="I569" s="8" t="s">
        <v>1730</v>
      </c>
      <c r="J569" s="11" t="s">
        <v>1731</v>
      </c>
      <c r="K569" s="8">
        <v>11</v>
      </c>
      <c r="L569" s="8">
        <v>116748170</v>
      </c>
      <c r="M569" s="8">
        <v>116772988</v>
      </c>
      <c r="N569" s="12">
        <v>-1</v>
      </c>
    </row>
    <row r="570" spans="1:21" ht="128.25" x14ac:dyDescent="0.2">
      <c r="A570" s="8" t="s">
        <v>1732</v>
      </c>
      <c r="B570" s="8">
        <v>0.29902640845614098</v>
      </c>
      <c r="C570" s="8">
        <v>5.0408878016073997</v>
      </c>
      <c r="D570" s="8">
        <v>6.2323565787982602</v>
      </c>
      <c r="E570" s="9">
        <v>3.2900040750803998E-6</v>
      </c>
      <c r="F570" s="10">
        <v>8.9378482130187902E-6</v>
      </c>
      <c r="G570" s="8">
        <v>2.9648962846075002</v>
      </c>
      <c r="H570" s="8">
        <v>29080</v>
      </c>
      <c r="I570" s="8" t="s">
        <v>1733</v>
      </c>
      <c r="J570" s="11" t="s">
        <v>1734</v>
      </c>
      <c r="K570" s="8">
        <v>12</v>
      </c>
      <c r="L570" s="8">
        <v>82223681</v>
      </c>
      <c r="M570" s="8">
        <v>82358805</v>
      </c>
      <c r="N570" s="12">
        <v>-1</v>
      </c>
      <c r="T570" s="25"/>
      <c r="U570" s="25"/>
    </row>
    <row r="571" spans="1:21" ht="128.25" x14ac:dyDescent="0.2">
      <c r="A571" s="8" t="s">
        <v>1735</v>
      </c>
      <c r="B571" s="8">
        <v>0.28005752949637902</v>
      </c>
      <c r="C571" s="8">
        <v>5.1780617562314504</v>
      </c>
      <c r="D571" s="8">
        <v>6.2278047276035604</v>
      </c>
      <c r="E571" s="9">
        <v>3.3239819307761699E-6</v>
      </c>
      <c r="F571" s="10">
        <v>9.0203353496838708E-6</v>
      </c>
      <c r="G571" s="8">
        <v>2.9282756581922</v>
      </c>
      <c r="H571" s="8">
        <v>8634</v>
      </c>
      <c r="I571" s="8" t="s">
        <v>1736</v>
      </c>
      <c r="J571" s="11" t="s">
        <v>1737</v>
      </c>
      <c r="K571" s="8">
        <v>1</v>
      </c>
      <c r="L571" s="8">
        <v>100266207</v>
      </c>
      <c r="M571" s="8">
        <v>100292769</v>
      </c>
      <c r="N571" s="12">
        <v>1</v>
      </c>
      <c r="T571" s="25"/>
      <c r="U571" s="25"/>
    </row>
    <row r="572" spans="1:21" ht="114" x14ac:dyDescent="0.2">
      <c r="A572" s="8" t="s">
        <v>1738</v>
      </c>
      <c r="B572" s="8">
        <v>0.23990025053991401</v>
      </c>
      <c r="C572" s="8">
        <v>6.2907131132068299</v>
      </c>
      <c r="D572" s="8">
        <v>6.2205524983597398</v>
      </c>
      <c r="E572" s="9">
        <v>3.37886099416397E-6</v>
      </c>
      <c r="F572" s="10">
        <v>9.1622040717834006E-6</v>
      </c>
      <c r="G572" s="8">
        <v>2.7541096441664701</v>
      </c>
      <c r="H572" s="8">
        <v>55119</v>
      </c>
      <c r="I572" s="8" t="s">
        <v>1739</v>
      </c>
      <c r="J572" s="11" t="s">
        <v>1740</v>
      </c>
      <c r="K572" s="8">
        <v>1</v>
      </c>
      <c r="L572" s="8">
        <v>108692323</v>
      </c>
      <c r="M572" s="8">
        <v>108701803</v>
      </c>
      <c r="N572" s="12">
        <v>1</v>
      </c>
    </row>
    <row r="573" spans="1:21" ht="156.75" x14ac:dyDescent="0.2">
      <c r="A573" s="8" t="s">
        <v>1741</v>
      </c>
      <c r="B573" s="8">
        <v>0.343784783620739</v>
      </c>
      <c r="C573" s="8">
        <v>5.8859282423893804</v>
      </c>
      <c r="D573" s="8">
        <v>6.2146550312946198</v>
      </c>
      <c r="E573" s="9">
        <v>3.42417164413176E-6</v>
      </c>
      <c r="F573" s="10">
        <v>9.2710094579381506E-6</v>
      </c>
      <c r="G573" s="8">
        <v>2.7854867124464899</v>
      </c>
      <c r="H573" s="8">
        <v>79691</v>
      </c>
      <c r="I573" s="8" t="s">
        <v>1742</v>
      </c>
      <c r="J573" s="11" t="s">
        <v>1743</v>
      </c>
      <c r="K573" s="8">
        <v>3</v>
      </c>
      <c r="L573" s="8">
        <v>114005833</v>
      </c>
      <c r="M573" s="8">
        <v>114088422</v>
      </c>
      <c r="N573" s="12">
        <v>1</v>
      </c>
    </row>
    <row r="574" spans="1:21" ht="114" x14ac:dyDescent="0.2">
      <c r="A574" s="8" t="s">
        <v>1744</v>
      </c>
      <c r="B574" s="8">
        <v>0.42895081533434798</v>
      </c>
      <c r="C574" s="8">
        <v>4.2590997194387201</v>
      </c>
      <c r="D574" s="8">
        <v>6.2099082611664604</v>
      </c>
      <c r="E574" s="9">
        <v>3.4610929299621099E-6</v>
      </c>
      <c r="F574" s="10">
        <v>9.3616249332797995E-6</v>
      </c>
      <c r="G574" s="8">
        <v>3.0865790148307402</v>
      </c>
      <c r="H574" s="8">
        <v>80324</v>
      </c>
      <c r="I574" s="8" t="s">
        <v>1745</v>
      </c>
      <c r="J574" s="11" t="s">
        <v>1746</v>
      </c>
      <c r="K574" s="8">
        <v>12</v>
      </c>
      <c r="L574" s="8">
        <v>131929200</v>
      </c>
      <c r="M574" s="8">
        <v>131945896</v>
      </c>
      <c r="N574" s="12">
        <v>1</v>
      </c>
      <c r="T574" s="25"/>
      <c r="U574" s="25"/>
    </row>
    <row r="575" spans="1:21" ht="142.5" x14ac:dyDescent="0.2">
      <c r="A575" s="8" t="s">
        <v>1747</v>
      </c>
      <c r="B575" s="8">
        <v>0.249728850589824</v>
      </c>
      <c r="C575" s="8">
        <v>5.8964095369832599</v>
      </c>
      <c r="D575" s="8">
        <v>6.1980843981957499</v>
      </c>
      <c r="E575" s="9">
        <v>3.5548433562941301E-6</v>
      </c>
      <c r="F575" s="10">
        <v>9.5987851981209006E-6</v>
      </c>
      <c r="G575" s="8">
        <v>2.74629181668011</v>
      </c>
      <c r="H575" s="8">
        <v>1967</v>
      </c>
      <c r="I575" s="8" t="s">
        <v>1748</v>
      </c>
      <c r="J575" s="11" t="s">
        <v>1749</v>
      </c>
      <c r="K575" s="8">
        <v>12</v>
      </c>
      <c r="L575" s="8">
        <v>123620406</v>
      </c>
      <c r="M575" s="8">
        <v>123633766</v>
      </c>
      <c r="N575" s="12">
        <v>-1</v>
      </c>
      <c r="T575" s="25"/>
      <c r="U575" s="25"/>
    </row>
    <row r="576" spans="1:21" ht="128.25" x14ac:dyDescent="0.2">
      <c r="A576" s="8" t="s">
        <v>1750</v>
      </c>
      <c r="B576" s="8">
        <v>0.30484575362502597</v>
      </c>
      <c r="C576" s="8">
        <v>6.8584514866912798</v>
      </c>
      <c r="D576" s="8">
        <v>6.1967067108288996</v>
      </c>
      <c r="E576" s="9">
        <v>3.5659347091732899E-6</v>
      </c>
      <c r="F576" s="10">
        <v>9.62599473342553E-6</v>
      </c>
      <c r="G576" s="8">
        <v>2.6528854825150798</v>
      </c>
      <c r="H576" s="8">
        <v>55854</v>
      </c>
      <c r="I576" s="8" t="s">
        <v>1751</v>
      </c>
      <c r="J576" s="11" t="s">
        <v>1752</v>
      </c>
      <c r="K576" s="8">
        <v>2</v>
      </c>
      <c r="L576" s="8">
        <v>186486156</v>
      </c>
      <c r="M576" s="8">
        <v>186509363</v>
      </c>
      <c r="N576" s="12">
        <v>1</v>
      </c>
      <c r="T576" s="25"/>
    </row>
    <row r="577" spans="1:21" ht="128.25" x14ac:dyDescent="0.2">
      <c r="A577" s="8" t="s">
        <v>1753</v>
      </c>
      <c r="B577" s="8">
        <v>0.22476763956216</v>
      </c>
      <c r="C577" s="8">
        <v>6.9915124811004397</v>
      </c>
      <c r="D577" s="8">
        <v>6.1936793603570397</v>
      </c>
      <c r="E577" s="9">
        <v>3.5904316127521702E-6</v>
      </c>
      <c r="F577" s="10">
        <v>9.6907439503908293E-6</v>
      </c>
      <c r="G577" s="8">
        <v>2.6374538428567802</v>
      </c>
      <c r="H577" s="8">
        <v>27327</v>
      </c>
      <c r="I577" s="8" t="s">
        <v>1754</v>
      </c>
      <c r="J577" s="11" t="s">
        <v>1755</v>
      </c>
      <c r="K577" s="8">
        <v>16</v>
      </c>
      <c r="L577" s="8">
        <v>24610209</v>
      </c>
      <c r="M577" s="8">
        <v>24827632</v>
      </c>
      <c r="N577" s="12">
        <v>1</v>
      </c>
      <c r="T577" s="25"/>
      <c r="U577" s="25"/>
    </row>
    <row r="578" spans="1:21" ht="128.25" x14ac:dyDescent="0.2">
      <c r="A578" s="8" t="s">
        <v>1756</v>
      </c>
      <c r="B578" s="8">
        <v>0.25244347905061398</v>
      </c>
      <c r="C578" s="8">
        <v>9.9152929762140207</v>
      </c>
      <c r="D578" s="8">
        <v>6.1794832681631204</v>
      </c>
      <c r="E578" s="9">
        <v>3.7076227642255601E-6</v>
      </c>
      <c r="F578" s="10">
        <v>9.9857447057491496E-6</v>
      </c>
      <c r="G578" s="8">
        <v>2.4603697367022299</v>
      </c>
      <c r="H578" s="8">
        <v>7520</v>
      </c>
      <c r="I578" s="8" t="s">
        <v>1757</v>
      </c>
      <c r="J578" s="11" t="s">
        <v>1758</v>
      </c>
      <c r="K578" s="8">
        <v>2</v>
      </c>
      <c r="L578" s="8">
        <v>216107464</v>
      </c>
      <c r="M578" s="8">
        <v>216206303</v>
      </c>
      <c r="N578" s="12">
        <v>1</v>
      </c>
      <c r="T578" s="25"/>
      <c r="U578" s="25"/>
    </row>
    <row r="579" spans="1:21" ht="128.25" x14ac:dyDescent="0.2">
      <c r="A579" s="8" t="s">
        <v>1759</v>
      </c>
      <c r="B579" s="8">
        <v>0.33804252167531001</v>
      </c>
      <c r="C579" s="8">
        <v>5.65315953763319</v>
      </c>
      <c r="D579" s="8">
        <v>6.1789640234255998</v>
      </c>
      <c r="E579" s="9">
        <v>3.7119826844368599E-6</v>
      </c>
      <c r="F579" s="10">
        <v>9.9960685969289392E-6</v>
      </c>
      <c r="G579" s="8">
        <v>2.7351574487564601</v>
      </c>
      <c r="H579" s="8">
        <v>84154</v>
      </c>
      <c r="I579" s="8" t="s">
        <v>1760</v>
      </c>
      <c r="J579" s="11" t="s">
        <v>1761</v>
      </c>
      <c r="K579" s="8">
        <v>6</v>
      </c>
      <c r="L579" s="8">
        <v>110982015</v>
      </c>
      <c r="M579" s="8">
        <v>111028263</v>
      </c>
      <c r="N579" s="12">
        <v>1</v>
      </c>
      <c r="T579" s="25"/>
      <c r="U579" s="25"/>
    </row>
    <row r="580" spans="1:21" ht="71.25" x14ac:dyDescent="0.2">
      <c r="A580" s="8" t="s">
        <v>1762</v>
      </c>
      <c r="B580" s="8">
        <v>0.25481695632034201</v>
      </c>
      <c r="C580" s="8">
        <v>6.2378338917026701</v>
      </c>
      <c r="D580" s="8">
        <v>6.1708341119105201</v>
      </c>
      <c r="E580" s="9">
        <v>3.7809351190857601E-6</v>
      </c>
      <c r="F580" s="10">
        <v>1.01723719578608E-5</v>
      </c>
      <c r="G580" s="8">
        <v>2.6442582691308099</v>
      </c>
      <c r="H580" s="8">
        <v>10526</v>
      </c>
      <c r="I580" s="8" t="s">
        <v>1763</v>
      </c>
      <c r="J580" s="11" t="s">
        <v>1764</v>
      </c>
      <c r="K580" s="8">
        <v>12</v>
      </c>
      <c r="L580" s="8">
        <v>30628988</v>
      </c>
      <c r="M580" s="8">
        <v>30695986</v>
      </c>
      <c r="N580" s="12">
        <v>-1</v>
      </c>
      <c r="T580" s="25"/>
      <c r="U580" s="25"/>
    </row>
    <row r="581" spans="1:21" ht="156.75" x14ac:dyDescent="0.2">
      <c r="A581" s="8" t="s">
        <v>1765</v>
      </c>
      <c r="B581" s="8">
        <v>0.33816861451848601</v>
      </c>
      <c r="C581" s="8">
        <v>7.6151824631200098</v>
      </c>
      <c r="D581" s="8">
        <v>6.1694404351777701</v>
      </c>
      <c r="E581" s="9">
        <v>3.7928863098515099E-6</v>
      </c>
      <c r="F581" s="10">
        <v>1.0200907525800999E-5</v>
      </c>
      <c r="G581" s="8">
        <v>2.54331357041234</v>
      </c>
      <c r="H581" s="8">
        <v>80155</v>
      </c>
      <c r="I581" s="8" t="s">
        <v>1766</v>
      </c>
      <c r="J581" s="11" t="s">
        <v>1767</v>
      </c>
      <c r="K581" s="8">
        <v>4</v>
      </c>
      <c r="L581" s="8">
        <v>139301455</v>
      </c>
      <c r="M581" s="8">
        <v>139420033</v>
      </c>
      <c r="N581" s="12">
        <v>1</v>
      </c>
      <c r="T581" s="25"/>
      <c r="U581" s="25"/>
    </row>
    <row r="582" spans="1:21" ht="142.5" x14ac:dyDescent="0.2">
      <c r="A582" s="8" t="s">
        <v>1768</v>
      </c>
      <c r="B582" s="8">
        <v>0.24488836413859799</v>
      </c>
      <c r="C582" s="8">
        <v>5.2283579469718298</v>
      </c>
      <c r="D582" s="8">
        <v>6.1475590162298897</v>
      </c>
      <c r="E582" s="9">
        <v>3.9856773874319199E-6</v>
      </c>
      <c r="F582" s="10">
        <v>1.0681570368775E-5</v>
      </c>
      <c r="G582" s="8">
        <v>2.7335938436475198</v>
      </c>
      <c r="H582" s="8">
        <v>22950</v>
      </c>
      <c r="I582" s="8" t="s">
        <v>1769</v>
      </c>
      <c r="J582" s="11" t="s">
        <v>1770</v>
      </c>
      <c r="K582" s="8">
        <v>2</v>
      </c>
      <c r="L582" s="8">
        <v>27663471</v>
      </c>
      <c r="M582" s="8">
        <v>27694976</v>
      </c>
      <c r="N582" s="12">
        <v>1</v>
      </c>
      <c r="T582" s="25"/>
      <c r="U582" s="25"/>
    </row>
    <row r="583" spans="1:21" ht="114" x14ac:dyDescent="0.2">
      <c r="A583" s="8" t="s">
        <v>1771</v>
      </c>
      <c r="B583" s="8">
        <v>0.27686511250453599</v>
      </c>
      <c r="C583" s="8">
        <v>5.0437198759567696</v>
      </c>
      <c r="D583" s="8">
        <v>6.1365904166896099</v>
      </c>
      <c r="E583" s="9">
        <v>4.0860631268913302E-6</v>
      </c>
      <c r="F583" s="10">
        <v>1.09351600562709E-5</v>
      </c>
      <c r="G583" s="8">
        <v>2.74298665280494</v>
      </c>
      <c r="H583" s="8">
        <v>92400</v>
      </c>
      <c r="I583" s="8" t="s">
        <v>1772</v>
      </c>
      <c r="J583" s="11" t="s">
        <v>1773</v>
      </c>
      <c r="K583" s="8">
        <v>9</v>
      </c>
      <c r="L583" s="8">
        <v>122237624</v>
      </c>
      <c r="M583" s="8">
        <v>122264839</v>
      </c>
      <c r="N583" s="12">
        <v>-1</v>
      </c>
      <c r="T583" s="25"/>
      <c r="U583" s="25"/>
    </row>
    <row r="584" spans="1:21" ht="142.5" x14ac:dyDescent="0.2">
      <c r="A584" s="8" t="s">
        <v>1774</v>
      </c>
      <c r="B584" s="8">
        <v>0.39184885671202602</v>
      </c>
      <c r="C584" s="8">
        <v>4.4056154910457197</v>
      </c>
      <c r="D584" s="8">
        <v>6.13446043593847</v>
      </c>
      <c r="E584" s="9">
        <v>4.1058549394505098E-6</v>
      </c>
      <c r="F584" s="10">
        <v>1.09834802912253E-5</v>
      </c>
      <c r="G584" s="8">
        <v>2.8768911133600898</v>
      </c>
      <c r="H584" s="8">
        <v>221078</v>
      </c>
      <c r="I584" s="8" t="s">
        <v>1775</v>
      </c>
      <c r="J584" s="11" t="s">
        <v>1776</v>
      </c>
      <c r="K584" s="8">
        <v>10</v>
      </c>
      <c r="L584" s="8">
        <v>18545561</v>
      </c>
      <c r="M584" s="8">
        <v>18659285</v>
      </c>
      <c r="N584" s="12">
        <v>-1</v>
      </c>
      <c r="T584" s="25"/>
      <c r="U584" s="25"/>
    </row>
    <row r="585" spans="1:21" ht="128.25" x14ac:dyDescent="0.2">
      <c r="A585" s="8" t="s">
        <v>1777</v>
      </c>
      <c r="B585" s="8">
        <v>0.29030096113203002</v>
      </c>
      <c r="C585" s="8">
        <v>5.96901064600572</v>
      </c>
      <c r="D585" s="8">
        <v>6.1155309750901896</v>
      </c>
      <c r="E585" s="9">
        <v>4.2861150154047397E-6</v>
      </c>
      <c r="F585" s="10">
        <v>1.14334558121079E-5</v>
      </c>
      <c r="G585" s="8">
        <v>2.5458179251717499</v>
      </c>
      <c r="H585" s="8">
        <v>55813</v>
      </c>
      <c r="I585" s="8" t="s">
        <v>1778</v>
      </c>
      <c r="J585" s="11" t="s">
        <v>1779</v>
      </c>
      <c r="K585" s="8">
        <v>17</v>
      </c>
      <c r="L585" s="8">
        <v>31860899</v>
      </c>
      <c r="M585" s="8">
        <v>31901765</v>
      </c>
      <c r="N585" s="12">
        <v>-1</v>
      </c>
      <c r="T585" s="25"/>
      <c r="U585" s="25"/>
    </row>
    <row r="586" spans="1:21" ht="114" x14ac:dyDescent="0.2">
      <c r="A586" s="8" t="s">
        <v>1780</v>
      </c>
      <c r="B586" s="8">
        <v>0.34319507652029202</v>
      </c>
      <c r="C586" s="8">
        <v>4.4251579167959196</v>
      </c>
      <c r="D586" s="8">
        <v>6.1102336644627</v>
      </c>
      <c r="E586" s="9">
        <v>4.33799538098079E-6</v>
      </c>
      <c r="F586" s="10">
        <v>1.1566971806220699E-5</v>
      </c>
      <c r="G586" s="8">
        <v>2.8165500642461798</v>
      </c>
      <c r="H586" s="8">
        <v>55006</v>
      </c>
      <c r="I586" s="8" t="s">
        <v>1781</v>
      </c>
      <c r="J586" s="11" t="s">
        <v>1782</v>
      </c>
      <c r="K586" s="8">
        <v>2</v>
      </c>
      <c r="L586" s="8">
        <v>28849821</v>
      </c>
      <c r="M586" s="8">
        <v>28870301</v>
      </c>
      <c r="N586" s="12">
        <v>-1</v>
      </c>
      <c r="T586" s="25"/>
    </row>
    <row r="587" spans="1:21" ht="99.75" x14ac:dyDescent="0.2">
      <c r="A587" s="8" t="s">
        <v>1783</v>
      </c>
      <c r="B587" s="8">
        <v>0.22620828982562799</v>
      </c>
      <c r="C587" s="8">
        <v>8.6743447415557693</v>
      </c>
      <c r="D587" s="8">
        <v>6.1098500318828197</v>
      </c>
      <c r="E587" s="9">
        <v>4.3417774244769498E-6</v>
      </c>
      <c r="F587" s="10">
        <v>1.1575429921930199E-5</v>
      </c>
      <c r="G587" s="8">
        <v>2.3491961864173199</v>
      </c>
      <c r="H587" s="8">
        <v>6141</v>
      </c>
      <c r="I587" s="8" t="s">
        <v>1784</v>
      </c>
      <c r="J587" s="11" t="s">
        <v>1785</v>
      </c>
      <c r="K587" s="8">
        <v>19</v>
      </c>
      <c r="L587" s="8">
        <v>48615328</v>
      </c>
      <c r="M587" s="8">
        <v>48619536</v>
      </c>
      <c r="N587" s="12">
        <v>-1</v>
      </c>
    </row>
    <row r="588" spans="1:21" ht="99.75" x14ac:dyDescent="0.2">
      <c r="A588" s="8" t="s">
        <v>1786</v>
      </c>
      <c r="B588" s="8">
        <v>0.23879358464709599</v>
      </c>
      <c r="C588" s="8">
        <v>7.2884071386629197</v>
      </c>
      <c r="D588" s="8">
        <v>6.1087848589437597</v>
      </c>
      <c r="E588" s="9">
        <v>4.3522961298211896E-6</v>
      </c>
      <c r="F588" s="10">
        <v>1.1598584981830799E-5</v>
      </c>
      <c r="G588" s="8">
        <v>2.4221830112646701</v>
      </c>
      <c r="H588" s="8">
        <v>6210</v>
      </c>
      <c r="I588" s="8" t="s">
        <v>1787</v>
      </c>
      <c r="J588" s="11" t="s">
        <v>1788</v>
      </c>
      <c r="K588" s="8">
        <v>16</v>
      </c>
      <c r="L588" s="8">
        <v>18781295</v>
      </c>
      <c r="M588" s="8">
        <v>18790383</v>
      </c>
      <c r="N588" s="12">
        <v>-1</v>
      </c>
      <c r="T588" s="25"/>
    </row>
    <row r="589" spans="1:21" ht="99.75" x14ac:dyDescent="0.2">
      <c r="A589" s="8" t="s">
        <v>1789</v>
      </c>
      <c r="B589" s="8">
        <v>0.23813481783120899</v>
      </c>
      <c r="C589" s="8">
        <v>6.0593695592474699</v>
      </c>
      <c r="D589" s="8">
        <v>6.1012470229062004</v>
      </c>
      <c r="E589" s="9">
        <v>4.4274819156392296E-6</v>
      </c>
      <c r="F589" s="10">
        <v>1.17923262193805E-5</v>
      </c>
      <c r="G589" s="8">
        <v>2.5022165731315802</v>
      </c>
      <c r="H589" s="8">
        <v>118460</v>
      </c>
      <c r="I589" s="8" t="s">
        <v>1790</v>
      </c>
      <c r="J589" s="11" t="s">
        <v>1791</v>
      </c>
      <c r="K589" s="8">
        <v>16</v>
      </c>
      <c r="L589" s="8">
        <v>70246778</v>
      </c>
      <c r="M589" s="8">
        <v>70251930</v>
      </c>
      <c r="N589" s="12">
        <v>-1</v>
      </c>
    </row>
    <row r="590" spans="1:21" ht="99.75" x14ac:dyDescent="0.2">
      <c r="A590" s="8" t="s">
        <v>1792</v>
      </c>
      <c r="B590" s="8">
        <v>0.20281053454908399</v>
      </c>
      <c r="C590" s="8">
        <v>7.2809974384496199</v>
      </c>
      <c r="D590" s="8">
        <v>6.09477930253796</v>
      </c>
      <c r="E590" s="9">
        <v>4.49305237434209E-6</v>
      </c>
      <c r="F590" s="10">
        <v>1.19535475827688E-5</v>
      </c>
      <c r="G590" s="8">
        <v>2.3902651105414998</v>
      </c>
      <c r="H590" s="8" t="s">
        <v>1793</v>
      </c>
      <c r="I590" s="8" t="s">
        <v>1794</v>
      </c>
      <c r="J590" s="11" t="s">
        <v>1795</v>
      </c>
      <c r="K590" s="8">
        <v>3</v>
      </c>
      <c r="L590" s="8">
        <v>49095932</v>
      </c>
      <c r="M590" s="8">
        <v>49105135</v>
      </c>
      <c r="N590" s="12">
        <v>-1</v>
      </c>
      <c r="T590" s="25"/>
      <c r="U590" s="25"/>
    </row>
    <row r="591" spans="1:21" ht="114" x14ac:dyDescent="0.2">
      <c r="A591" s="8" t="s">
        <v>1796</v>
      </c>
      <c r="B591" s="8">
        <v>0.22504615119336799</v>
      </c>
      <c r="C591" s="8">
        <v>8.9381521008968807</v>
      </c>
      <c r="D591" s="8">
        <v>6.09202947737987</v>
      </c>
      <c r="E591" s="9">
        <v>4.5212305251329601E-6</v>
      </c>
      <c r="F591" s="10">
        <v>1.2021772688166999E-5</v>
      </c>
      <c r="G591" s="8">
        <v>2.2957577405869301</v>
      </c>
      <c r="H591" s="8">
        <v>9987</v>
      </c>
      <c r="I591" s="8" t="s">
        <v>1797</v>
      </c>
      <c r="J591" s="11" t="s">
        <v>1798</v>
      </c>
      <c r="K591" s="8">
        <v>4</v>
      </c>
      <c r="L591" s="8">
        <v>82422564</v>
      </c>
      <c r="M591" s="8">
        <v>82430408</v>
      </c>
      <c r="N591" s="12">
        <v>-1</v>
      </c>
      <c r="T591" s="25"/>
      <c r="U591" s="25"/>
    </row>
    <row r="592" spans="1:21" ht="114" x14ac:dyDescent="0.2">
      <c r="A592" s="8" t="s">
        <v>1799</v>
      </c>
      <c r="B592" s="8">
        <v>-0.27444729312763799</v>
      </c>
      <c r="C592" s="8">
        <v>7.8688124092651597</v>
      </c>
      <c r="D592" s="8">
        <v>-6.08836713715068</v>
      </c>
      <c r="E592" s="9">
        <v>4.5590403506584698E-6</v>
      </c>
      <c r="F592" s="10">
        <v>1.21138208813282E-5</v>
      </c>
      <c r="G592" s="8">
        <v>2.3441132402037299</v>
      </c>
      <c r="H592" s="8">
        <v>7114</v>
      </c>
      <c r="I592" s="8" t="s">
        <v>1800</v>
      </c>
      <c r="J592" s="11" t="s">
        <v>1801</v>
      </c>
      <c r="K592" s="8" t="s">
        <v>108</v>
      </c>
      <c r="L592" s="8">
        <v>12975108</v>
      </c>
      <c r="M592" s="8">
        <v>12977227</v>
      </c>
      <c r="N592" s="12">
        <v>1</v>
      </c>
      <c r="T592" s="25"/>
      <c r="U592" s="25"/>
    </row>
    <row r="593" spans="1:21" ht="114" x14ac:dyDescent="0.2">
      <c r="A593" s="8" t="s">
        <v>1802</v>
      </c>
      <c r="B593" s="8">
        <v>-0.24279584275987501</v>
      </c>
      <c r="C593" s="8">
        <v>6.7223058465405598</v>
      </c>
      <c r="D593" s="8">
        <v>-6.0874640443522798</v>
      </c>
      <c r="E593" s="9">
        <v>4.5684134415133402E-6</v>
      </c>
      <c r="F593" s="10">
        <v>1.21353278106941E-5</v>
      </c>
      <c r="G593" s="8">
        <v>2.4131445647982299</v>
      </c>
      <c r="H593" s="8">
        <v>10856</v>
      </c>
      <c r="I593" s="8" t="s">
        <v>1803</v>
      </c>
      <c r="J593" s="11" t="s">
        <v>1804</v>
      </c>
      <c r="K593" s="8">
        <v>19</v>
      </c>
      <c r="L593" s="8">
        <v>48993448</v>
      </c>
      <c r="M593" s="8">
        <v>49015995</v>
      </c>
      <c r="N593" s="12">
        <v>1</v>
      </c>
      <c r="T593" s="25"/>
      <c r="U593" s="25"/>
    </row>
    <row r="594" spans="1:21" ht="99.75" x14ac:dyDescent="0.2">
      <c r="A594" s="8" t="s">
        <v>1805</v>
      </c>
      <c r="B594" s="8">
        <v>0.30139551553282701</v>
      </c>
      <c r="C594" s="8">
        <v>4.9546071240057499</v>
      </c>
      <c r="D594" s="8">
        <v>6.07732519213502</v>
      </c>
      <c r="E594" s="9">
        <v>4.6750060251338501E-6</v>
      </c>
      <c r="F594" s="10">
        <v>1.2395918588649599E-5</v>
      </c>
      <c r="G594" s="8">
        <v>2.62309426008505</v>
      </c>
      <c r="H594" s="8">
        <v>64794</v>
      </c>
      <c r="I594" s="8" t="s">
        <v>1806</v>
      </c>
      <c r="J594" s="11" t="s">
        <v>1807</v>
      </c>
      <c r="K594" s="8">
        <v>9</v>
      </c>
      <c r="L594" s="8">
        <v>132592997</v>
      </c>
      <c r="M594" s="8">
        <v>132670401</v>
      </c>
      <c r="N594" s="12">
        <v>-1</v>
      </c>
      <c r="T594" s="25"/>
      <c r="U594" s="25"/>
    </row>
    <row r="595" spans="1:21" ht="99.75" x14ac:dyDescent="0.2">
      <c r="A595" s="8" t="s">
        <v>1808</v>
      </c>
      <c r="B595" s="8">
        <v>-0.247493392627334</v>
      </c>
      <c r="C595" s="8">
        <v>9.3935528284142293</v>
      </c>
      <c r="D595" s="8">
        <v>-6.0644597785359604</v>
      </c>
      <c r="E595" s="9">
        <v>4.8139349408126704E-6</v>
      </c>
      <c r="F595" s="10">
        <v>1.27375966776076E-5</v>
      </c>
      <c r="G595" s="8">
        <v>2.2147620546308202</v>
      </c>
      <c r="H595" s="8">
        <v>3009</v>
      </c>
      <c r="I595" s="8" t="s">
        <v>1809</v>
      </c>
      <c r="J595" s="11" t="s">
        <v>1810</v>
      </c>
      <c r="K595" s="8">
        <v>6</v>
      </c>
      <c r="L595" s="8">
        <v>27866849</v>
      </c>
      <c r="M595" s="8">
        <v>27867529</v>
      </c>
      <c r="N595" s="12">
        <v>-1</v>
      </c>
      <c r="T595" s="25"/>
      <c r="U595" s="25"/>
    </row>
    <row r="596" spans="1:21" ht="114" x14ac:dyDescent="0.2">
      <c r="A596" s="8" t="s">
        <v>1811</v>
      </c>
      <c r="B596" s="8">
        <v>0.249342069183665</v>
      </c>
      <c r="C596" s="8">
        <v>8.34456660215859</v>
      </c>
      <c r="D596" s="8">
        <v>6.0491409348864202</v>
      </c>
      <c r="E596" s="9">
        <v>4.9848781283691096E-6</v>
      </c>
      <c r="F596" s="10">
        <v>1.3147745968319699E-5</v>
      </c>
      <c r="G596" s="8">
        <v>2.2243630518203199</v>
      </c>
      <c r="H596" s="8">
        <v>6897</v>
      </c>
      <c r="I596" s="8" t="s">
        <v>1812</v>
      </c>
      <c r="J596" s="11" t="s">
        <v>1813</v>
      </c>
      <c r="K596" s="8">
        <v>5</v>
      </c>
      <c r="L596" s="8">
        <v>33440696</v>
      </c>
      <c r="M596" s="8">
        <v>33469539</v>
      </c>
      <c r="N596" s="12">
        <v>1</v>
      </c>
      <c r="T596" s="25"/>
      <c r="U596" s="25"/>
    </row>
    <row r="597" spans="1:21" ht="99.75" x14ac:dyDescent="0.2">
      <c r="A597" s="8" t="s">
        <v>1814</v>
      </c>
      <c r="B597" s="8">
        <v>0.19939344971884901</v>
      </c>
      <c r="C597" s="8">
        <v>7.0110740887459002</v>
      </c>
      <c r="D597" s="8">
        <v>6.0383644951094801</v>
      </c>
      <c r="E597" s="9">
        <v>5.1088407997154104E-6</v>
      </c>
      <c r="F597" s="10">
        <v>1.34448026426569E-5</v>
      </c>
      <c r="G597" s="8">
        <v>2.2757371512367102</v>
      </c>
      <c r="H597" s="8">
        <v>5094</v>
      </c>
      <c r="I597" s="8" t="s">
        <v>1815</v>
      </c>
      <c r="J597" s="11" t="s">
        <v>1816</v>
      </c>
      <c r="K597" s="8">
        <v>12</v>
      </c>
      <c r="L597" s="8">
        <v>53452102</v>
      </c>
      <c r="M597" s="8">
        <v>53481162</v>
      </c>
      <c r="N597" s="12">
        <v>1</v>
      </c>
      <c r="T597" s="25"/>
      <c r="U597" s="25"/>
    </row>
    <row r="598" spans="1:21" ht="114" x14ac:dyDescent="0.2">
      <c r="A598" s="8" t="s">
        <v>1817</v>
      </c>
      <c r="B598" s="8">
        <v>-0.22988425018393999</v>
      </c>
      <c r="C598" s="8">
        <v>6.3829543182949999</v>
      </c>
      <c r="D598" s="8">
        <v>-6.0381714230562302</v>
      </c>
      <c r="E598" s="9">
        <v>5.1110902435381297E-6</v>
      </c>
      <c r="F598" s="10">
        <v>1.3448857397618301E-5</v>
      </c>
      <c r="G598" s="8">
        <v>2.3269723928216601</v>
      </c>
      <c r="H598" s="8">
        <v>65123</v>
      </c>
      <c r="I598" s="8" t="s">
        <v>1818</v>
      </c>
      <c r="J598" s="11" t="s">
        <v>1819</v>
      </c>
      <c r="K598" s="8">
        <v>1</v>
      </c>
      <c r="L598" s="8">
        <v>153728067</v>
      </c>
      <c r="M598" s="8">
        <v>153774808</v>
      </c>
      <c r="N598" s="12">
        <v>1</v>
      </c>
      <c r="T598" s="25"/>
      <c r="U598" s="25"/>
    </row>
    <row r="599" spans="1:21" ht="114" x14ac:dyDescent="0.2">
      <c r="A599" s="8" t="s">
        <v>1820</v>
      </c>
      <c r="B599" s="8">
        <v>0.27162706667405601</v>
      </c>
      <c r="C599" s="8">
        <v>5.1534767182125698</v>
      </c>
      <c r="D599" s="8">
        <v>6.0380482924486998</v>
      </c>
      <c r="E599" s="9">
        <v>5.1125253423615598E-6</v>
      </c>
      <c r="F599" s="10">
        <v>1.3450768532094199E-5</v>
      </c>
      <c r="G599" s="8">
        <v>2.49295444421724</v>
      </c>
      <c r="H599" s="8">
        <v>25917</v>
      </c>
      <c r="I599" s="8" t="s">
        <v>1821</v>
      </c>
      <c r="J599" s="11" t="s">
        <v>1822</v>
      </c>
      <c r="K599" s="8">
        <v>3</v>
      </c>
      <c r="L599" s="8">
        <v>9362842</v>
      </c>
      <c r="M599" s="8">
        <v>9386791</v>
      </c>
      <c r="N599" s="12">
        <v>1</v>
      </c>
      <c r="T599" s="25"/>
      <c r="U599" s="25"/>
    </row>
    <row r="600" spans="1:21" ht="142.5" x14ac:dyDescent="0.2">
      <c r="A600" s="8" t="s">
        <v>1823</v>
      </c>
      <c r="B600" s="8">
        <v>0.46017620360712602</v>
      </c>
      <c r="C600" s="8">
        <v>3.1716297200161101</v>
      </c>
      <c r="D600" s="8">
        <v>6.0366433012869098</v>
      </c>
      <c r="E600" s="9">
        <v>5.1289298453511001E-6</v>
      </c>
      <c r="F600" s="10">
        <v>1.3488317859649101E-5</v>
      </c>
      <c r="G600" s="8">
        <v>2.9693007852089099</v>
      </c>
      <c r="H600" s="8">
        <v>140886</v>
      </c>
      <c r="I600" s="8" t="s">
        <v>1824</v>
      </c>
      <c r="J600" s="11" t="s">
        <v>1825</v>
      </c>
      <c r="K600" s="8" t="s">
        <v>108</v>
      </c>
      <c r="L600" s="8">
        <v>91434595</v>
      </c>
      <c r="M600" s="8">
        <v>91438584</v>
      </c>
      <c r="N600" s="12">
        <v>1</v>
      </c>
      <c r="T600" s="25"/>
      <c r="U600" s="25"/>
    </row>
    <row r="601" spans="1:21" ht="128.25" x14ac:dyDescent="0.2">
      <c r="A601" s="8" t="s">
        <v>1826</v>
      </c>
      <c r="B601" s="8">
        <v>-0.25562095450123001</v>
      </c>
      <c r="C601" s="8">
        <v>7.7518772679278403</v>
      </c>
      <c r="D601" s="8">
        <v>-6.0235946485039404</v>
      </c>
      <c r="E601" s="9">
        <v>5.2838790745613402E-6</v>
      </c>
      <c r="F601" s="10">
        <v>1.3863151278577401E-5</v>
      </c>
      <c r="G601" s="8">
        <v>2.19978520479718</v>
      </c>
      <c r="H601" s="8">
        <v>51203</v>
      </c>
      <c r="I601" s="8" t="s">
        <v>1827</v>
      </c>
      <c r="J601" s="11" t="s">
        <v>1828</v>
      </c>
      <c r="K601" s="8">
        <v>15</v>
      </c>
      <c r="L601" s="8">
        <v>41332694</v>
      </c>
      <c r="M601" s="8">
        <v>41381050</v>
      </c>
      <c r="N601" s="12">
        <v>1</v>
      </c>
      <c r="T601" s="25"/>
      <c r="U601" s="25"/>
    </row>
    <row r="602" spans="1:21" ht="128.25" x14ac:dyDescent="0.2">
      <c r="A602" s="8" t="s">
        <v>1829</v>
      </c>
      <c r="B602" s="8">
        <v>0.19870972745054999</v>
      </c>
      <c r="C602" s="8">
        <v>7.9026409825644501</v>
      </c>
      <c r="D602" s="8">
        <v>6.0178338632924904</v>
      </c>
      <c r="E602" s="9">
        <v>5.3538016972741998E-6</v>
      </c>
      <c r="F602" s="10">
        <v>1.40310861495888E-5</v>
      </c>
      <c r="G602" s="8">
        <v>2.1754300204605199</v>
      </c>
      <c r="H602" s="8">
        <v>9698</v>
      </c>
      <c r="I602" s="8" t="s">
        <v>1830</v>
      </c>
      <c r="J602" s="11" t="s">
        <v>1831</v>
      </c>
      <c r="K602" s="8">
        <v>1</v>
      </c>
      <c r="L602" s="8">
        <v>30931506</v>
      </c>
      <c r="M602" s="8">
        <v>31065991</v>
      </c>
      <c r="N602" s="12">
        <v>-1</v>
      </c>
      <c r="T602" s="25"/>
      <c r="U602" s="25"/>
    </row>
    <row r="603" spans="1:21" ht="114" x14ac:dyDescent="0.2">
      <c r="A603" s="8" t="s">
        <v>1832</v>
      </c>
      <c r="B603" s="8">
        <v>0.372435179009933</v>
      </c>
      <c r="C603" s="8">
        <v>4.1426081163026698</v>
      </c>
      <c r="D603" s="8">
        <v>6.0085775823444498</v>
      </c>
      <c r="E603" s="9">
        <v>5.4681384823002298E-6</v>
      </c>
      <c r="F603" s="10">
        <v>1.43089994454787E-5</v>
      </c>
      <c r="G603" s="8">
        <v>2.6489001636813798</v>
      </c>
      <c r="H603" s="8">
        <v>55094</v>
      </c>
      <c r="I603" s="8" t="s">
        <v>1833</v>
      </c>
      <c r="J603" s="11" t="s">
        <v>1834</v>
      </c>
      <c r="K603" s="8">
        <v>19</v>
      </c>
      <c r="L603" s="8">
        <v>33080880</v>
      </c>
      <c r="M603" s="8">
        <v>33130542</v>
      </c>
      <c r="N603" s="12">
        <v>1</v>
      </c>
    </row>
    <row r="604" spans="1:21" ht="114" x14ac:dyDescent="0.2">
      <c r="A604" s="8" t="s">
        <v>1835</v>
      </c>
      <c r="B604" s="8">
        <v>0.29324682387246298</v>
      </c>
      <c r="C604" s="8">
        <v>5.5453413897494004</v>
      </c>
      <c r="D604" s="8">
        <v>6.0051681562661301</v>
      </c>
      <c r="E604" s="9">
        <v>5.5108792266670298E-6</v>
      </c>
      <c r="F604" s="10">
        <v>1.4408921890942399E-5</v>
      </c>
      <c r="G604" s="8">
        <v>2.3480398795883701</v>
      </c>
      <c r="H604" s="8">
        <v>51649</v>
      </c>
      <c r="I604" s="8" t="s">
        <v>1836</v>
      </c>
      <c r="J604" s="11" t="s">
        <v>1837</v>
      </c>
      <c r="K604" s="8">
        <v>17</v>
      </c>
      <c r="L604" s="8">
        <v>57834781</v>
      </c>
      <c r="M604" s="8">
        <v>57850056</v>
      </c>
      <c r="N604" s="12">
        <v>-1</v>
      </c>
      <c r="T604" s="25"/>
      <c r="U604" s="25"/>
    </row>
    <row r="605" spans="1:21" ht="114" x14ac:dyDescent="0.2">
      <c r="A605" s="8" t="s">
        <v>1838</v>
      </c>
      <c r="B605" s="8">
        <v>0.31159198030881902</v>
      </c>
      <c r="C605" s="8">
        <v>5.5914625722159697</v>
      </c>
      <c r="D605" s="8">
        <v>6.0008441471199498</v>
      </c>
      <c r="E605" s="9">
        <v>5.5655768128355496E-6</v>
      </c>
      <c r="F605" s="10">
        <v>1.4539916186285799E-5</v>
      </c>
      <c r="G605" s="8">
        <v>2.3305979258957201</v>
      </c>
      <c r="H605" s="8">
        <v>63875</v>
      </c>
      <c r="I605" s="8" t="s">
        <v>1839</v>
      </c>
      <c r="J605" s="11" t="s">
        <v>1840</v>
      </c>
      <c r="K605" s="8">
        <v>11</v>
      </c>
      <c r="L605" s="8">
        <v>6680782</v>
      </c>
      <c r="M605" s="8">
        <v>6683401</v>
      </c>
      <c r="N605" s="12">
        <v>-1</v>
      </c>
      <c r="T605" s="25"/>
      <c r="U605" s="25"/>
    </row>
    <row r="606" spans="1:21" ht="114" x14ac:dyDescent="0.2">
      <c r="A606" s="8" t="s">
        <v>1841</v>
      </c>
      <c r="B606" s="8">
        <v>0.31351651928785201</v>
      </c>
      <c r="C606" s="8">
        <v>5.2048641147005004</v>
      </c>
      <c r="D606" s="8">
        <v>5.99509848878838</v>
      </c>
      <c r="E606" s="9">
        <v>5.6391175595752004E-6</v>
      </c>
      <c r="F606" s="10">
        <v>1.4717856406004499E-5</v>
      </c>
      <c r="G606" s="8">
        <v>2.3827219102083501</v>
      </c>
      <c r="H606" s="8">
        <v>6894</v>
      </c>
      <c r="I606" s="8" t="s">
        <v>1842</v>
      </c>
      <c r="J606" s="11" t="s">
        <v>1843</v>
      </c>
      <c r="K606" s="8">
        <v>1</v>
      </c>
      <c r="L606" s="8">
        <v>234391313</v>
      </c>
      <c r="M606" s="8">
        <v>234479103</v>
      </c>
      <c r="N606" s="12">
        <v>-1</v>
      </c>
      <c r="T606" s="25"/>
      <c r="U606" s="25"/>
    </row>
    <row r="607" spans="1:21" ht="142.5" x14ac:dyDescent="0.2">
      <c r="A607" s="8" t="s">
        <v>1844</v>
      </c>
      <c r="B607" s="8">
        <v>0.257327106573499</v>
      </c>
      <c r="C607" s="8">
        <v>7.2971994695980804</v>
      </c>
      <c r="D607" s="8">
        <v>5.9829120224407104</v>
      </c>
      <c r="E607" s="9">
        <v>5.7984014340956497E-6</v>
      </c>
      <c r="F607" s="10">
        <v>1.5114871430609E-5</v>
      </c>
      <c r="G607" s="8">
        <v>2.1284131895600198</v>
      </c>
      <c r="H607" s="8">
        <v>1965</v>
      </c>
      <c r="I607" s="8" t="s">
        <v>1845</v>
      </c>
      <c r="J607" s="11" t="s">
        <v>1846</v>
      </c>
      <c r="K607" s="8">
        <v>14</v>
      </c>
      <c r="L607" s="8">
        <v>67359997</v>
      </c>
      <c r="M607" s="8">
        <v>67386516</v>
      </c>
      <c r="N607" s="12">
        <v>1</v>
      </c>
      <c r="T607" s="25"/>
      <c r="U607" s="25"/>
    </row>
    <row r="608" spans="1:21" ht="114" x14ac:dyDescent="0.2">
      <c r="A608" s="8" t="s">
        <v>1847</v>
      </c>
      <c r="B608" s="8">
        <v>0.21435519824292801</v>
      </c>
      <c r="C608" s="8">
        <v>6.20604348214132</v>
      </c>
      <c r="D608" s="8">
        <v>5.9573041465799399</v>
      </c>
      <c r="E608" s="9">
        <v>6.1482637626423099E-6</v>
      </c>
      <c r="F608" s="10">
        <v>1.59632783450079E-5</v>
      </c>
      <c r="G608" s="8">
        <v>2.1509823514300899</v>
      </c>
      <c r="H608" s="8">
        <v>55696</v>
      </c>
      <c r="I608" s="8" t="s">
        <v>1848</v>
      </c>
      <c r="J608" s="11" t="s">
        <v>1849</v>
      </c>
      <c r="K608" s="8">
        <v>5</v>
      </c>
      <c r="L608" s="8">
        <v>150690794</v>
      </c>
      <c r="M608" s="8">
        <v>150701107</v>
      </c>
      <c r="N608" s="12">
        <v>-1</v>
      </c>
      <c r="T608" s="25"/>
      <c r="U608" s="25"/>
    </row>
    <row r="609" spans="1:21" ht="156.75" x14ac:dyDescent="0.2">
      <c r="A609" s="8" t="s">
        <v>1850</v>
      </c>
      <c r="B609" s="8">
        <v>-0.218886347556074</v>
      </c>
      <c r="C609" s="8">
        <v>7.2289132211402398</v>
      </c>
      <c r="D609" s="8">
        <v>-5.9256683192958297</v>
      </c>
      <c r="E609" s="9">
        <v>6.6104477113711904E-6</v>
      </c>
      <c r="F609" s="10">
        <v>1.7086143587400002E-5</v>
      </c>
      <c r="G609" s="8">
        <v>2.0014992293872802</v>
      </c>
      <c r="H609" s="8" t="s">
        <v>1851</v>
      </c>
      <c r="I609" s="8" t="s">
        <v>1852</v>
      </c>
      <c r="J609" s="11" t="s">
        <v>1853</v>
      </c>
      <c r="K609" s="8">
        <v>16</v>
      </c>
      <c r="L609" s="8">
        <v>28842411</v>
      </c>
      <c r="M609" s="8">
        <v>28846408</v>
      </c>
      <c r="N609" s="12">
        <v>-1</v>
      </c>
      <c r="T609" s="25"/>
      <c r="U609" s="25"/>
    </row>
    <row r="610" spans="1:21" ht="85.5" x14ac:dyDescent="0.2">
      <c r="A610" s="8" t="s">
        <v>1854</v>
      </c>
      <c r="B610" s="8">
        <v>0.27669061540391898</v>
      </c>
      <c r="C610" s="8">
        <v>4.7376342330858998</v>
      </c>
      <c r="D610" s="8">
        <v>5.92548369901633</v>
      </c>
      <c r="E610" s="9">
        <v>6.6132466436533999E-6</v>
      </c>
      <c r="F610" s="10">
        <v>1.7090007857052601E-5</v>
      </c>
      <c r="G610" s="8">
        <v>2.3149998139922099</v>
      </c>
      <c r="H610" s="8">
        <v>10073</v>
      </c>
      <c r="I610" s="8" t="s">
        <v>1855</v>
      </c>
      <c r="J610" s="11" t="s">
        <v>1856</v>
      </c>
      <c r="K610" s="8">
        <v>15</v>
      </c>
      <c r="L610" s="8">
        <v>75598083</v>
      </c>
      <c r="M610" s="8">
        <v>75626469</v>
      </c>
      <c r="N610" s="12">
        <v>-1</v>
      </c>
      <c r="T610" s="25"/>
      <c r="U610" s="25"/>
    </row>
    <row r="611" spans="1:21" ht="128.25" x14ac:dyDescent="0.2">
      <c r="A611" s="8" t="s">
        <v>1857</v>
      </c>
      <c r="B611" s="8">
        <v>0.33586626599231201</v>
      </c>
      <c r="C611" s="8">
        <v>4.6202898629288303</v>
      </c>
      <c r="D611" s="8">
        <v>5.9196262534381203</v>
      </c>
      <c r="E611" s="9">
        <v>6.7026796545758599E-6</v>
      </c>
      <c r="F611" s="10">
        <v>1.7308035352413401E-5</v>
      </c>
      <c r="G611" s="8">
        <v>2.3269654428979298</v>
      </c>
      <c r="H611" s="8">
        <v>54984</v>
      </c>
      <c r="I611" s="8" t="s">
        <v>1858</v>
      </c>
      <c r="J611" s="11" t="s">
        <v>1859</v>
      </c>
      <c r="K611" s="8">
        <v>8</v>
      </c>
      <c r="L611" s="8">
        <v>10764963</v>
      </c>
      <c r="M611" s="8">
        <v>10839884</v>
      </c>
      <c r="N611" s="12">
        <v>-1</v>
      </c>
      <c r="T611" s="25"/>
      <c r="U611" s="25"/>
    </row>
    <row r="612" spans="1:21" ht="114" x14ac:dyDescent="0.2">
      <c r="A612" s="8" t="s">
        <v>1860</v>
      </c>
      <c r="B612" s="8">
        <v>0.49479679265930199</v>
      </c>
      <c r="C612" s="8">
        <v>4.2602471591326703</v>
      </c>
      <c r="D612" s="8">
        <v>5.9105130930647798</v>
      </c>
      <c r="E612" s="9">
        <v>6.8442849818212098E-6</v>
      </c>
      <c r="F612" s="10">
        <v>1.76472820788072E-5</v>
      </c>
      <c r="G612" s="8">
        <v>2.3896113911822399</v>
      </c>
      <c r="H612" s="8">
        <v>115708</v>
      </c>
      <c r="I612" s="8" t="s">
        <v>1861</v>
      </c>
      <c r="J612" s="11" t="s">
        <v>1862</v>
      </c>
      <c r="K612" s="8">
        <v>14</v>
      </c>
      <c r="L612" s="8">
        <v>103529184</v>
      </c>
      <c r="M612" s="8">
        <v>103537073</v>
      </c>
      <c r="N612" s="12">
        <v>1</v>
      </c>
      <c r="T612" s="25"/>
      <c r="U612" s="25"/>
    </row>
    <row r="613" spans="1:21" ht="99.75" x14ac:dyDescent="0.2">
      <c r="A613" s="8" t="s">
        <v>1863</v>
      </c>
      <c r="B613" s="8">
        <v>0.247802175623552</v>
      </c>
      <c r="C613" s="8">
        <v>7.0992560922833396</v>
      </c>
      <c r="D613" s="8">
        <v>5.9068647533545997</v>
      </c>
      <c r="E613" s="9">
        <v>6.9018280299022701E-6</v>
      </c>
      <c r="F613" s="10">
        <v>1.7783569656952502E-5</v>
      </c>
      <c r="G613" s="8">
        <v>1.96267486500847</v>
      </c>
      <c r="H613" s="8">
        <v>57187</v>
      </c>
      <c r="I613" s="8" t="s">
        <v>1864</v>
      </c>
      <c r="J613" s="11" t="s">
        <v>1865</v>
      </c>
      <c r="K613" s="8" t="s">
        <v>108</v>
      </c>
      <c r="L613" s="8">
        <v>123600561</v>
      </c>
      <c r="M613" s="8">
        <v>123733056</v>
      </c>
      <c r="N613" s="12">
        <v>-1</v>
      </c>
      <c r="T613" s="25"/>
      <c r="U613" s="25"/>
    </row>
    <row r="614" spans="1:21" ht="99.75" x14ac:dyDescent="0.2">
      <c r="A614" s="8" t="s">
        <v>1866</v>
      </c>
      <c r="B614" s="8">
        <v>0.272253344255458</v>
      </c>
      <c r="C614" s="8">
        <v>5.83096608389552</v>
      </c>
      <c r="D614" s="8">
        <v>5.89628931847622</v>
      </c>
      <c r="E614" s="9">
        <v>7.0714358944353603E-6</v>
      </c>
      <c r="F614" s="10">
        <v>1.8176166730150299E-5</v>
      </c>
      <c r="G614" s="8">
        <v>2.0521414153160702</v>
      </c>
      <c r="H614" s="8">
        <v>23609</v>
      </c>
      <c r="I614" s="8" t="s">
        <v>1867</v>
      </c>
      <c r="J614" s="11" t="s">
        <v>1868</v>
      </c>
      <c r="K614" s="8">
        <v>3</v>
      </c>
      <c r="L614" s="8">
        <v>12557014</v>
      </c>
      <c r="M614" s="8">
        <v>12583713</v>
      </c>
      <c r="N614" s="12">
        <v>1</v>
      </c>
      <c r="T614" s="25"/>
    </row>
    <row r="615" spans="1:21" ht="128.25" x14ac:dyDescent="0.2">
      <c r="A615" s="8" t="s">
        <v>1869</v>
      </c>
      <c r="B615" s="8">
        <v>0.25342552514862998</v>
      </c>
      <c r="C615" s="8">
        <v>7.4259429314708898</v>
      </c>
      <c r="D615" s="8">
        <v>5.8876148216445001</v>
      </c>
      <c r="E615" s="9">
        <v>7.2137311096557002E-6</v>
      </c>
      <c r="F615" s="10">
        <v>1.8509326023247199E-5</v>
      </c>
      <c r="G615" s="8">
        <v>1.8978188042233</v>
      </c>
      <c r="H615" s="8" t="s">
        <v>1870</v>
      </c>
      <c r="I615" s="8" t="s">
        <v>1871</v>
      </c>
      <c r="J615" s="11" t="s">
        <v>1872</v>
      </c>
      <c r="K615" s="8">
        <v>2</v>
      </c>
      <c r="L615" s="8">
        <v>177212563</v>
      </c>
      <c r="M615" s="8">
        <v>177223958</v>
      </c>
      <c r="N615" s="12">
        <v>1</v>
      </c>
      <c r="T615" s="25"/>
      <c r="U615" s="25"/>
    </row>
    <row r="616" spans="1:21" ht="128.25" x14ac:dyDescent="0.2">
      <c r="A616" s="8" t="s">
        <v>1873</v>
      </c>
      <c r="B616" s="8">
        <v>0.23327927253384301</v>
      </c>
      <c r="C616" s="8">
        <v>6.4149411553639002</v>
      </c>
      <c r="D616" s="8">
        <v>5.8579162299580396</v>
      </c>
      <c r="E616" s="9">
        <v>7.7234309020395701E-6</v>
      </c>
      <c r="F616" s="10">
        <v>1.97583645494749E-5</v>
      </c>
      <c r="G616" s="8">
        <v>1.8977625919212899</v>
      </c>
      <c r="H616" s="8">
        <v>57472</v>
      </c>
      <c r="I616" s="8" t="s">
        <v>1874</v>
      </c>
      <c r="J616" s="11" t="s">
        <v>1875</v>
      </c>
      <c r="K616" s="8">
        <v>5</v>
      </c>
      <c r="L616" s="8">
        <v>180494412</v>
      </c>
      <c r="M616" s="8">
        <v>180578405</v>
      </c>
      <c r="N616" s="12">
        <v>1</v>
      </c>
    </row>
    <row r="617" spans="1:21" ht="99.75" x14ac:dyDescent="0.2">
      <c r="A617" s="8" t="s">
        <v>1876</v>
      </c>
      <c r="B617" s="8">
        <v>0.214335545020782</v>
      </c>
      <c r="C617" s="8">
        <v>7.1004311358786003</v>
      </c>
      <c r="D617" s="8">
        <v>5.8512459678231297</v>
      </c>
      <c r="E617" s="9">
        <v>7.8428792566717505E-6</v>
      </c>
      <c r="F617" s="10">
        <v>2.0045026216008099E-5</v>
      </c>
      <c r="G617" s="8">
        <v>1.8323271126573299</v>
      </c>
      <c r="H617" s="8">
        <v>9416</v>
      </c>
      <c r="I617" s="8" t="s">
        <v>1877</v>
      </c>
      <c r="J617" s="11" t="s">
        <v>1878</v>
      </c>
      <c r="K617" s="8">
        <v>12</v>
      </c>
      <c r="L617" s="8">
        <v>48829764</v>
      </c>
      <c r="M617" s="8">
        <v>48852842</v>
      </c>
      <c r="N617" s="12">
        <v>-1</v>
      </c>
      <c r="T617" s="25"/>
      <c r="U617" s="25"/>
    </row>
    <row r="618" spans="1:21" ht="99.75" x14ac:dyDescent="0.2">
      <c r="A618" s="8" t="s">
        <v>1879</v>
      </c>
      <c r="B618" s="8">
        <v>0.20676293523141301</v>
      </c>
      <c r="C618" s="8">
        <v>7.3738178642902703</v>
      </c>
      <c r="D618" s="8">
        <v>5.8508227024698503</v>
      </c>
      <c r="E618" s="9">
        <v>7.8505222570206898E-6</v>
      </c>
      <c r="F618" s="10">
        <v>2.0059157246732398E-5</v>
      </c>
      <c r="G618" s="8">
        <v>1.8147909401504301</v>
      </c>
      <c r="H618" s="8">
        <v>22907</v>
      </c>
      <c r="I618" s="8" t="s">
        <v>1880</v>
      </c>
      <c r="J618" s="11" t="s">
        <v>1881</v>
      </c>
      <c r="K618" s="8">
        <v>3</v>
      </c>
      <c r="L618" s="8">
        <v>47802909</v>
      </c>
      <c r="M618" s="8">
        <v>47850195</v>
      </c>
      <c r="N618" s="12">
        <v>1</v>
      </c>
      <c r="T618" s="25"/>
      <c r="U618" s="25"/>
    </row>
    <row r="619" spans="1:21" ht="99.75" x14ac:dyDescent="0.2">
      <c r="A619" s="8" t="s">
        <v>1882</v>
      </c>
      <c r="B619" s="8">
        <v>0.264332576679567</v>
      </c>
      <c r="C619" s="8">
        <v>6.3051729376274901</v>
      </c>
      <c r="D619" s="8">
        <v>5.8456698316116897</v>
      </c>
      <c r="E619" s="9">
        <v>7.9441808925190006E-6</v>
      </c>
      <c r="F619" s="10">
        <v>2.0270225283179299E-5</v>
      </c>
      <c r="G619" s="8">
        <v>1.8791750169505299</v>
      </c>
      <c r="H619" s="8">
        <v>55308</v>
      </c>
      <c r="I619" s="8" t="s">
        <v>1883</v>
      </c>
      <c r="J619" s="11" t="s">
        <v>1884</v>
      </c>
      <c r="K619" s="8">
        <v>16</v>
      </c>
      <c r="L619" s="8">
        <v>70346829</v>
      </c>
      <c r="M619" s="8">
        <v>70373383</v>
      </c>
      <c r="N619" s="12">
        <v>1</v>
      </c>
      <c r="T619" s="25"/>
      <c r="U619" s="25"/>
    </row>
    <row r="620" spans="1:21" ht="114" x14ac:dyDescent="0.2">
      <c r="A620" s="8" t="s">
        <v>1885</v>
      </c>
      <c r="B620" s="8">
        <v>1.0286083372445001</v>
      </c>
      <c r="C620" s="8">
        <v>0.122418239129763</v>
      </c>
      <c r="D620" s="8">
        <v>5.8380304352844599</v>
      </c>
      <c r="E620" s="9">
        <v>8.0851383821678205E-6</v>
      </c>
      <c r="F620" s="10">
        <v>2.0605918758850198E-5</v>
      </c>
      <c r="G620" s="8">
        <v>3.29903768430635</v>
      </c>
      <c r="H620" s="8">
        <v>84530</v>
      </c>
      <c r="I620" s="8" t="s">
        <v>1886</v>
      </c>
      <c r="J620" s="11" t="s">
        <v>1887</v>
      </c>
      <c r="K620" s="8">
        <v>12</v>
      </c>
      <c r="L620" s="8">
        <v>118981495</v>
      </c>
      <c r="M620" s="8">
        <v>119163051</v>
      </c>
      <c r="N620" s="12">
        <v>1</v>
      </c>
      <c r="T620" s="25"/>
      <c r="U620" s="25"/>
    </row>
    <row r="621" spans="1:21" ht="114" x14ac:dyDescent="0.2">
      <c r="A621" s="8" t="s">
        <v>1888</v>
      </c>
      <c r="B621" s="8">
        <v>0.29236903503651801</v>
      </c>
      <c r="C621" s="8">
        <v>5.4405462471969503</v>
      </c>
      <c r="D621" s="8">
        <v>5.8347431476601503</v>
      </c>
      <c r="E621" s="9">
        <v>8.1465766112406404E-6</v>
      </c>
      <c r="F621" s="10">
        <v>2.07485685614701E-5</v>
      </c>
      <c r="G621" s="8">
        <v>1.9660614915733701</v>
      </c>
      <c r="H621" s="8">
        <v>63931</v>
      </c>
      <c r="I621" s="8" t="s">
        <v>1889</v>
      </c>
      <c r="J621" s="11" t="s">
        <v>1890</v>
      </c>
      <c r="K621" s="8">
        <v>1</v>
      </c>
      <c r="L621" s="8">
        <v>175010789</v>
      </c>
      <c r="M621" s="8">
        <v>175023425</v>
      </c>
      <c r="N621" s="12">
        <v>-1</v>
      </c>
      <c r="T621" s="25"/>
      <c r="U621" s="25"/>
    </row>
    <row r="622" spans="1:21" ht="99.75" x14ac:dyDescent="0.2">
      <c r="A622" s="8" t="s">
        <v>1891</v>
      </c>
      <c r="B622" s="8">
        <v>0.39944153667945898</v>
      </c>
      <c r="C622" s="8">
        <v>6.6176998979660899</v>
      </c>
      <c r="D622" s="8">
        <v>5.8322878159532401</v>
      </c>
      <c r="E622" s="9">
        <v>8.1927766181263894E-6</v>
      </c>
      <c r="F622" s="10">
        <v>2.0852242741709301E-5</v>
      </c>
      <c r="G622" s="8">
        <v>1.8201909247030501</v>
      </c>
      <c r="H622" s="8" t="s">
        <v>1892</v>
      </c>
      <c r="I622" s="8" t="s">
        <v>1893</v>
      </c>
      <c r="J622" s="11" t="s">
        <v>1894</v>
      </c>
      <c r="K622" s="8" t="s">
        <v>108</v>
      </c>
      <c r="L622" s="8">
        <v>154762742</v>
      </c>
      <c r="M622" s="8">
        <v>154777689</v>
      </c>
      <c r="N622" s="12">
        <v>1</v>
      </c>
      <c r="T622" s="25"/>
      <c r="U622" s="25"/>
    </row>
    <row r="623" spans="1:21" ht="99.75" x14ac:dyDescent="0.2">
      <c r="A623" s="8" t="s">
        <v>1895</v>
      </c>
      <c r="B623" s="8">
        <v>0.358073204302092</v>
      </c>
      <c r="C623" s="8">
        <v>4.6164956242084596</v>
      </c>
      <c r="D623" s="8">
        <v>5.8311009515432</v>
      </c>
      <c r="E623" s="9">
        <v>8.2152046863261602E-6</v>
      </c>
      <c r="F623" s="10">
        <v>2.0903564454463699E-5</v>
      </c>
      <c r="G623" s="8">
        <v>2.12004687727041</v>
      </c>
      <c r="H623" s="8">
        <v>10785</v>
      </c>
      <c r="I623" s="8" t="s">
        <v>1896</v>
      </c>
      <c r="J623" s="11" t="s">
        <v>1897</v>
      </c>
      <c r="K623" s="8">
        <v>21</v>
      </c>
      <c r="L623" s="8">
        <v>42843094</v>
      </c>
      <c r="M623" s="8">
        <v>42879568</v>
      </c>
      <c r="N623" s="12">
        <v>-1</v>
      </c>
    </row>
    <row r="624" spans="1:21" ht="99.75" x14ac:dyDescent="0.2">
      <c r="A624" s="8" t="s">
        <v>1898</v>
      </c>
      <c r="B624" s="8">
        <v>0.24471176792853899</v>
      </c>
      <c r="C624" s="8">
        <v>6.7741479497779604</v>
      </c>
      <c r="D624" s="8">
        <v>5.8232651642841002</v>
      </c>
      <c r="E624" s="9">
        <v>8.3648579498006502E-6</v>
      </c>
      <c r="F624" s="10">
        <v>2.1256013566331999E-5</v>
      </c>
      <c r="G624" s="8">
        <v>1.7879530967111501</v>
      </c>
      <c r="H624" s="8">
        <v>5687</v>
      </c>
      <c r="I624" s="8" t="s">
        <v>1899</v>
      </c>
      <c r="J624" s="11" t="s">
        <v>1900</v>
      </c>
      <c r="K624" s="8">
        <v>14</v>
      </c>
      <c r="L624" s="8">
        <v>35278633</v>
      </c>
      <c r="M624" s="8">
        <v>35317493</v>
      </c>
      <c r="N624" s="12">
        <v>1</v>
      </c>
      <c r="T624" s="25"/>
      <c r="U624" s="25"/>
    </row>
    <row r="625" spans="1:21" ht="99.75" x14ac:dyDescent="0.2">
      <c r="A625" s="8" t="s">
        <v>1901</v>
      </c>
      <c r="B625" s="8">
        <v>0.21833008082353</v>
      </c>
      <c r="C625" s="8">
        <v>7.1996966361565802</v>
      </c>
      <c r="D625" s="8">
        <v>5.8087438211245797</v>
      </c>
      <c r="E625" s="9">
        <v>8.6495949821819308E-6</v>
      </c>
      <c r="F625" s="10">
        <v>2.19413666591186E-5</v>
      </c>
      <c r="G625" s="8">
        <v>1.72630855741824</v>
      </c>
      <c r="H625" s="8">
        <v>8087</v>
      </c>
      <c r="I625" s="8" t="s">
        <v>1902</v>
      </c>
      <c r="J625" s="11" t="s">
        <v>1903</v>
      </c>
      <c r="K625" s="8">
        <v>3</v>
      </c>
      <c r="L625" s="8">
        <v>180868141</v>
      </c>
      <c r="M625" s="8">
        <v>180982753</v>
      </c>
      <c r="N625" s="12">
        <v>1</v>
      </c>
      <c r="T625" s="25"/>
      <c r="U625" s="25"/>
    </row>
    <row r="626" spans="1:21" ht="128.25" x14ac:dyDescent="0.2">
      <c r="A626" s="8" t="s">
        <v>1904</v>
      </c>
      <c r="B626" s="8">
        <v>0.26400473288721499</v>
      </c>
      <c r="C626" s="8">
        <v>5.8476522341427</v>
      </c>
      <c r="D626" s="8">
        <v>5.7941814262918303</v>
      </c>
      <c r="E626" s="9">
        <v>8.9450772488480398E-6</v>
      </c>
      <c r="F626" s="10">
        <v>2.26485298133942E-5</v>
      </c>
      <c r="G626" s="8">
        <v>1.8101760998565499</v>
      </c>
      <c r="H626" s="8">
        <v>55571</v>
      </c>
      <c r="I626" s="8" t="s">
        <v>1905</v>
      </c>
      <c r="J626" s="11" t="s">
        <v>1906</v>
      </c>
      <c r="K626" s="8">
        <v>2</v>
      </c>
      <c r="L626" s="8">
        <v>101252802</v>
      </c>
      <c r="M626" s="8">
        <v>101270316</v>
      </c>
      <c r="N626" s="12">
        <v>1</v>
      </c>
    </row>
    <row r="627" spans="1:21" ht="114" x14ac:dyDescent="0.2">
      <c r="A627" s="8" t="s">
        <v>1907</v>
      </c>
      <c r="B627" s="8">
        <v>0.24016325776480599</v>
      </c>
      <c r="C627" s="8">
        <v>8.2247522369315007</v>
      </c>
      <c r="D627" s="8">
        <v>5.7912675637448601</v>
      </c>
      <c r="E627" s="9">
        <v>9.0054277736043598E-6</v>
      </c>
      <c r="F627" s="10">
        <v>2.2789172270928101E-5</v>
      </c>
      <c r="G627" s="8">
        <v>1.62689835928736</v>
      </c>
      <c r="H627" s="8">
        <v>1936</v>
      </c>
      <c r="I627" s="8" t="s">
        <v>1908</v>
      </c>
      <c r="J627" s="11" t="s">
        <v>1909</v>
      </c>
      <c r="K627" s="8">
        <v>8</v>
      </c>
      <c r="L627" s="8">
        <v>143579697</v>
      </c>
      <c r="M627" s="8">
        <v>143599541</v>
      </c>
      <c r="N627" s="12">
        <v>-1</v>
      </c>
      <c r="T627" s="25"/>
      <c r="U627" s="25"/>
    </row>
    <row r="628" spans="1:21" ht="142.5" x14ac:dyDescent="0.2">
      <c r="A628" s="8" t="s">
        <v>1910</v>
      </c>
      <c r="B628" s="8">
        <v>-0.30336860876838601</v>
      </c>
      <c r="C628" s="8">
        <v>5.13922741411562</v>
      </c>
      <c r="D628" s="8">
        <v>-5.7718873529894701</v>
      </c>
      <c r="E628" s="9">
        <v>9.4175341836413802E-6</v>
      </c>
      <c r="F628" s="10">
        <v>2.3759179234639999E-5</v>
      </c>
      <c r="G628" s="8">
        <v>1.88434937945375</v>
      </c>
      <c r="H628" s="8">
        <v>24140</v>
      </c>
      <c r="I628" s="8" t="s">
        <v>1911</v>
      </c>
      <c r="J628" s="11" t="s">
        <v>1912</v>
      </c>
      <c r="K628" s="8" t="s">
        <v>108</v>
      </c>
      <c r="L628" s="8">
        <v>48476021</v>
      </c>
      <c r="M628" s="8">
        <v>48486364</v>
      </c>
      <c r="N628" s="12">
        <v>1</v>
      </c>
      <c r="T628" s="25"/>
      <c r="U628" s="25"/>
    </row>
    <row r="629" spans="1:21" ht="99.75" x14ac:dyDescent="0.2">
      <c r="A629" s="8" t="s">
        <v>1913</v>
      </c>
      <c r="B629" s="8">
        <v>0.91511656938944497</v>
      </c>
      <c r="C629" s="8">
        <v>1.0995442406622</v>
      </c>
      <c r="D629" s="8">
        <v>5.7614373505081602</v>
      </c>
      <c r="E629" s="9">
        <v>9.6476800598230193E-6</v>
      </c>
      <c r="F629" s="10">
        <v>2.429136586112E-5</v>
      </c>
      <c r="G629" s="8">
        <v>2.8893938861897599</v>
      </c>
      <c r="H629" s="8">
        <v>54033</v>
      </c>
      <c r="I629" s="8" t="s">
        <v>1914</v>
      </c>
      <c r="J629" s="11" t="s">
        <v>1915</v>
      </c>
      <c r="K629" s="8">
        <v>21</v>
      </c>
      <c r="L629" s="8">
        <v>14216130</v>
      </c>
      <c r="M629" s="8">
        <v>14228372</v>
      </c>
      <c r="N629" s="12">
        <v>1</v>
      </c>
      <c r="T629" s="25"/>
      <c r="U629" s="25"/>
    </row>
    <row r="630" spans="1:21" ht="156.75" x14ac:dyDescent="0.2">
      <c r="A630" s="8" t="s">
        <v>1916</v>
      </c>
      <c r="B630" s="8">
        <v>0.25964691241056898</v>
      </c>
      <c r="C630" s="8">
        <v>4.8722156470834603</v>
      </c>
      <c r="D630" s="8">
        <v>5.7519599424784298</v>
      </c>
      <c r="E630" s="9">
        <v>9.8613657363581699E-6</v>
      </c>
      <c r="F630" s="10">
        <v>2.4806354398047298E-5</v>
      </c>
      <c r="G630" s="8">
        <v>1.8788108044088401</v>
      </c>
      <c r="H630" s="8">
        <v>65109</v>
      </c>
      <c r="I630" s="8" t="s">
        <v>1917</v>
      </c>
      <c r="J630" s="11" t="s">
        <v>1918</v>
      </c>
      <c r="K630" s="8" t="s">
        <v>108</v>
      </c>
      <c r="L630" s="8">
        <v>119805311</v>
      </c>
      <c r="M630" s="8">
        <v>119852998</v>
      </c>
      <c r="N630" s="12">
        <v>-1</v>
      </c>
      <c r="T630" s="25"/>
      <c r="U630" s="25"/>
    </row>
    <row r="631" spans="1:21" ht="85.5" x14ac:dyDescent="0.2">
      <c r="A631" s="8" t="s">
        <v>1919</v>
      </c>
      <c r="B631" s="8">
        <v>0.32471318001300897</v>
      </c>
      <c r="C631" s="8">
        <v>6.2086768920771096</v>
      </c>
      <c r="D631" s="8">
        <v>5.7455503045827196</v>
      </c>
      <c r="E631" s="9">
        <v>1.00086138739957E-5</v>
      </c>
      <c r="F631" s="10">
        <v>2.5156750395604799E-5</v>
      </c>
      <c r="G631" s="8">
        <v>1.6530019556281501</v>
      </c>
      <c r="H631" s="8">
        <v>9156</v>
      </c>
      <c r="I631" s="8" t="s">
        <v>1920</v>
      </c>
      <c r="J631" s="11" t="s">
        <v>1921</v>
      </c>
      <c r="K631" s="8">
        <v>1</v>
      </c>
      <c r="L631" s="8">
        <v>241847967</v>
      </c>
      <c r="M631" s="8">
        <v>241895148</v>
      </c>
      <c r="N631" s="12">
        <v>1</v>
      </c>
      <c r="T631" s="25"/>
      <c r="U631" s="25"/>
    </row>
    <row r="632" spans="1:21" ht="142.5" x14ac:dyDescent="0.2">
      <c r="A632" s="8" t="s">
        <v>1922</v>
      </c>
      <c r="B632" s="8">
        <v>0.44652381103911798</v>
      </c>
      <c r="C632" s="8">
        <v>2.9915571509924401</v>
      </c>
      <c r="D632" s="8">
        <v>5.7423423667221396</v>
      </c>
      <c r="E632" s="9">
        <v>1.00831497359119E-5</v>
      </c>
      <c r="F632" s="10">
        <v>2.5330676798834999E-5</v>
      </c>
      <c r="G632" s="8">
        <v>2.3299299614472599</v>
      </c>
      <c r="H632" s="8">
        <v>25973</v>
      </c>
      <c r="I632" s="8" t="s">
        <v>1923</v>
      </c>
      <c r="J632" s="11" t="s">
        <v>1924</v>
      </c>
      <c r="K632" s="8">
        <v>1</v>
      </c>
      <c r="L632" s="8">
        <v>54756898</v>
      </c>
      <c r="M632" s="8">
        <v>54764514</v>
      </c>
      <c r="N632" s="12">
        <v>-1</v>
      </c>
      <c r="T632" s="25"/>
      <c r="U632" s="25"/>
    </row>
    <row r="633" spans="1:21" ht="142.5" x14ac:dyDescent="0.2">
      <c r="A633" s="8" t="s">
        <v>1925</v>
      </c>
      <c r="B633" s="8">
        <v>0.29261970284362199</v>
      </c>
      <c r="C633" s="8">
        <v>5.1459629988674598</v>
      </c>
      <c r="D633" s="8">
        <v>5.7094005130575898</v>
      </c>
      <c r="E633" s="9">
        <v>1.0882103152302601E-5</v>
      </c>
      <c r="F633" s="10">
        <v>2.7208125365118098E-5</v>
      </c>
      <c r="G633" s="8">
        <v>1.7234921810597801</v>
      </c>
      <c r="H633" s="8">
        <v>51654</v>
      </c>
      <c r="I633" s="8" t="s">
        <v>1926</v>
      </c>
      <c r="J633" s="11" t="s">
        <v>1927</v>
      </c>
      <c r="K633" s="8">
        <v>20</v>
      </c>
      <c r="L633" s="8">
        <v>33358839</v>
      </c>
      <c r="M633" s="8">
        <v>33401561</v>
      </c>
      <c r="N633" s="12">
        <v>-1</v>
      </c>
      <c r="T633" s="25"/>
      <c r="U633" s="25"/>
    </row>
    <row r="634" spans="1:21" ht="128.25" x14ac:dyDescent="0.2">
      <c r="A634" s="8" t="s">
        <v>1928</v>
      </c>
      <c r="B634" s="8">
        <v>0.25281743218049901</v>
      </c>
      <c r="C634" s="8">
        <v>5.7555077256164404</v>
      </c>
      <c r="D634" s="8">
        <v>5.6557128394187099</v>
      </c>
      <c r="E634" s="9">
        <v>1.23251293012597E-5</v>
      </c>
      <c r="F634" s="10">
        <v>3.0522507992953899E-5</v>
      </c>
      <c r="G634" s="8">
        <v>1.4960122031805201</v>
      </c>
      <c r="H634" s="8">
        <v>8731</v>
      </c>
      <c r="I634" s="8" t="s">
        <v>1929</v>
      </c>
      <c r="J634" s="11" t="s">
        <v>1930</v>
      </c>
      <c r="K634" s="8">
        <v>18</v>
      </c>
      <c r="L634" s="8">
        <v>13726660</v>
      </c>
      <c r="M634" s="8">
        <v>13764558</v>
      </c>
      <c r="N634" s="12">
        <v>1</v>
      </c>
      <c r="T634" s="25"/>
      <c r="U634" s="25"/>
    </row>
    <row r="635" spans="1:21" ht="85.5" x14ac:dyDescent="0.2">
      <c r="A635" s="8" t="s">
        <v>1931</v>
      </c>
      <c r="B635" s="8">
        <v>0.26562568882648802</v>
      </c>
      <c r="C635" s="8">
        <v>5.1904876192472198</v>
      </c>
      <c r="D635" s="8">
        <v>5.6510253764510203</v>
      </c>
      <c r="E635" s="9">
        <v>1.2460034844053499E-5</v>
      </c>
      <c r="F635" s="10">
        <v>3.0836473817892901E-5</v>
      </c>
      <c r="G635" s="8">
        <v>1.5773864687836401</v>
      </c>
      <c r="H635" s="8">
        <v>11269</v>
      </c>
      <c r="I635" s="8" t="s">
        <v>1932</v>
      </c>
      <c r="J635" s="11" t="s">
        <v>1933</v>
      </c>
      <c r="K635" s="8">
        <v>16</v>
      </c>
      <c r="L635" s="8">
        <v>70289663</v>
      </c>
      <c r="M635" s="8">
        <v>70335283</v>
      </c>
      <c r="N635" s="12">
        <v>1</v>
      </c>
      <c r="T635" s="25"/>
      <c r="U635" s="25"/>
    </row>
    <row r="636" spans="1:21" ht="99.75" x14ac:dyDescent="0.2">
      <c r="A636" s="8" t="s">
        <v>1934</v>
      </c>
      <c r="B636" s="8">
        <v>0.223395176341252</v>
      </c>
      <c r="C636" s="8">
        <v>7.2941166281302401</v>
      </c>
      <c r="D636" s="8">
        <v>5.6503356972727001</v>
      </c>
      <c r="E636" s="9">
        <v>1.2480010476488E-5</v>
      </c>
      <c r="F636" s="10">
        <v>3.0881882750334098E-5</v>
      </c>
      <c r="G636" s="8">
        <v>1.3468685567709699</v>
      </c>
      <c r="H636" s="8">
        <v>9879</v>
      </c>
      <c r="I636" s="8" t="s">
        <v>1935</v>
      </c>
      <c r="J636" s="11" t="s">
        <v>1936</v>
      </c>
      <c r="K636" s="8">
        <v>5</v>
      </c>
      <c r="L636" s="8">
        <v>134758771</v>
      </c>
      <c r="M636" s="8">
        <v>134855133</v>
      </c>
      <c r="N636" s="12">
        <v>1</v>
      </c>
      <c r="T636" s="25"/>
      <c r="U636" s="25"/>
    </row>
    <row r="637" spans="1:21" ht="114" x14ac:dyDescent="0.2">
      <c r="A637" s="8" t="s">
        <v>1937</v>
      </c>
      <c r="B637" s="8">
        <v>0.20141970166402601</v>
      </c>
      <c r="C637" s="8">
        <v>8.6421205104157401</v>
      </c>
      <c r="D637" s="8">
        <v>5.6423868899725997</v>
      </c>
      <c r="E637" s="9">
        <v>1.27126065191511E-5</v>
      </c>
      <c r="F637" s="10">
        <v>3.1432851324290597E-5</v>
      </c>
      <c r="G637" s="8">
        <v>1.25441986385855</v>
      </c>
      <c r="H637" s="8">
        <v>1983</v>
      </c>
      <c r="I637" s="8" t="s">
        <v>1938</v>
      </c>
      <c r="J637" s="11" t="s">
        <v>1939</v>
      </c>
      <c r="K637" s="8">
        <v>14</v>
      </c>
      <c r="L637" s="8">
        <v>103333544</v>
      </c>
      <c r="M637" s="8">
        <v>103345025</v>
      </c>
      <c r="N637" s="12">
        <v>1</v>
      </c>
      <c r="T637" s="25"/>
      <c r="U637" s="25"/>
    </row>
    <row r="638" spans="1:21" ht="71.25" x14ac:dyDescent="0.2">
      <c r="A638" s="8" t="s">
        <v>1940</v>
      </c>
      <c r="B638" s="8">
        <v>-0.21497409664547901</v>
      </c>
      <c r="C638" s="8">
        <v>8.5366718138146798</v>
      </c>
      <c r="D638" s="8">
        <v>-5.6303265932773296</v>
      </c>
      <c r="E638" s="9">
        <v>1.30739787469859E-5</v>
      </c>
      <c r="F638" s="10">
        <v>3.2254926505661803E-5</v>
      </c>
      <c r="G638" s="8">
        <v>1.23310096325152</v>
      </c>
      <c r="H638" s="8">
        <v>10527</v>
      </c>
      <c r="I638" s="8" t="s">
        <v>1941</v>
      </c>
      <c r="J638" s="11" t="s">
        <v>1942</v>
      </c>
      <c r="K638" s="8">
        <v>11</v>
      </c>
      <c r="L638" s="8">
        <v>9384622</v>
      </c>
      <c r="M638" s="8">
        <v>9448126</v>
      </c>
      <c r="N638" s="12">
        <v>1</v>
      </c>
      <c r="T638" s="25"/>
      <c r="U638" s="25"/>
    </row>
    <row r="639" spans="1:21" ht="128.25" x14ac:dyDescent="0.2">
      <c r="A639" s="8" t="s">
        <v>1943</v>
      </c>
      <c r="B639" s="8">
        <v>0.272953294763778</v>
      </c>
      <c r="C639" s="8">
        <v>5.4249103835291397</v>
      </c>
      <c r="D639" s="8">
        <v>5.6198965189724799</v>
      </c>
      <c r="E639" s="9">
        <v>1.33949369245169E-5</v>
      </c>
      <c r="F639" s="10">
        <v>3.29995158749918E-5</v>
      </c>
      <c r="G639" s="8">
        <v>1.46205409812899</v>
      </c>
      <c r="H639" s="8">
        <v>167153</v>
      </c>
      <c r="I639" s="8" t="s">
        <v>1944</v>
      </c>
      <c r="J639" s="11" t="s">
        <v>1945</v>
      </c>
      <c r="K639" s="8">
        <v>5</v>
      </c>
      <c r="L639" s="8">
        <v>79612120</v>
      </c>
      <c r="M639" s="8">
        <v>79686648</v>
      </c>
      <c r="N639" s="12">
        <v>1</v>
      </c>
      <c r="T639" s="25"/>
      <c r="U639" s="25"/>
    </row>
    <row r="640" spans="1:21" ht="114" x14ac:dyDescent="0.2">
      <c r="A640" s="8" t="s">
        <v>1946</v>
      </c>
      <c r="B640" s="8">
        <v>0.210864178025297</v>
      </c>
      <c r="C640" s="8">
        <v>10.055133334842299</v>
      </c>
      <c r="D640" s="8">
        <v>5.6020500104983899</v>
      </c>
      <c r="E640" s="9">
        <v>1.3962856124214E-5</v>
      </c>
      <c r="F640" s="10">
        <v>3.4282975891992299E-5</v>
      </c>
      <c r="G640" s="8">
        <v>1.10198261119517</v>
      </c>
      <c r="H640" s="8">
        <v>3192</v>
      </c>
      <c r="I640" s="8" t="s">
        <v>1947</v>
      </c>
      <c r="J640" s="11" t="s">
        <v>1948</v>
      </c>
      <c r="K640" s="8">
        <v>1</v>
      </c>
      <c r="L640" s="8">
        <v>244840638</v>
      </c>
      <c r="M640" s="8">
        <v>244864542</v>
      </c>
      <c r="N640" s="12">
        <v>-1</v>
      </c>
      <c r="T640" s="25"/>
      <c r="U640" s="25"/>
    </row>
    <row r="641" spans="1:21" ht="99.75" x14ac:dyDescent="0.2">
      <c r="A641" s="8" t="s">
        <v>1949</v>
      </c>
      <c r="B641" s="8">
        <v>0.29351719951718003</v>
      </c>
      <c r="C641" s="8">
        <v>5.0110925958532899</v>
      </c>
      <c r="D641" s="8">
        <v>5.5982763447489399</v>
      </c>
      <c r="E641" s="9">
        <v>1.40860517983021E-5</v>
      </c>
      <c r="F641" s="10">
        <v>3.4563098652234203E-5</v>
      </c>
      <c r="G641" s="8">
        <v>1.4869411223532301</v>
      </c>
      <c r="H641" s="8">
        <v>10200</v>
      </c>
      <c r="I641" s="8" t="s">
        <v>1950</v>
      </c>
      <c r="J641" s="11" t="s">
        <v>1951</v>
      </c>
      <c r="K641" s="8">
        <v>16</v>
      </c>
      <c r="L641" s="8">
        <v>82147798</v>
      </c>
      <c r="M641" s="8">
        <v>82170226</v>
      </c>
      <c r="N641" s="12">
        <v>-1</v>
      </c>
      <c r="T641" s="25"/>
      <c r="U641" s="25"/>
    </row>
    <row r="642" spans="1:21" ht="142.5" x14ac:dyDescent="0.2">
      <c r="A642" s="8" t="s">
        <v>1952</v>
      </c>
      <c r="B642" s="8">
        <v>0.228842971456197</v>
      </c>
      <c r="C642" s="8">
        <v>7.7139218848183102</v>
      </c>
      <c r="D642" s="8">
        <v>5.5826664019363097</v>
      </c>
      <c r="E642" s="9">
        <v>1.46075337190335E-5</v>
      </c>
      <c r="F642" s="10">
        <v>3.57627174879862E-5</v>
      </c>
      <c r="G642" s="8">
        <v>1.1621595265607201</v>
      </c>
      <c r="H642" s="8">
        <v>9343</v>
      </c>
      <c r="I642" s="8" t="s">
        <v>1953</v>
      </c>
      <c r="J642" s="11" t="s">
        <v>1954</v>
      </c>
      <c r="K642" s="8">
        <v>17</v>
      </c>
      <c r="L642" s="8">
        <v>44849943</v>
      </c>
      <c r="M642" s="8">
        <v>44899662</v>
      </c>
      <c r="N642" s="12">
        <v>-1</v>
      </c>
    </row>
    <row r="643" spans="1:21" ht="114" x14ac:dyDescent="0.2">
      <c r="A643" s="8" t="s">
        <v>1955</v>
      </c>
      <c r="B643" s="8">
        <v>0.33206527250854001</v>
      </c>
      <c r="C643" s="8">
        <v>4.5250258348314301</v>
      </c>
      <c r="D643" s="8">
        <v>5.5812459526696303</v>
      </c>
      <c r="E643" s="9">
        <v>1.46559522693764E-5</v>
      </c>
      <c r="F643" s="10">
        <v>3.5859464442490499E-5</v>
      </c>
      <c r="G643" s="8">
        <v>1.5517393656496901</v>
      </c>
      <c r="H643" s="8">
        <v>57602</v>
      </c>
      <c r="I643" s="8" t="s">
        <v>1956</v>
      </c>
      <c r="J643" s="11" t="s">
        <v>1957</v>
      </c>
      <c r="K643" s="8">
        <v>17</v>
      </c>
      <c r="L643" s="8">
        <v>78787381</v>
      </c>
      <c r="M643" s="8">
        <v>78841441</v>
      </c>
      <c r="N643" s="12">
        <v>-1</v>
      </c>
      <c r="T643" s="25"/>
      <c r="U643" s="25"/>
    </row>
    <row r="644" spans="1:21" ht="99.75" x14ac:dyDescent="0.2">
      <c r="A644" s="8" t="s">
        <v>1958</v>
      </c>
      <c r="B644" s="8">
        <v>0.19393175561001999</v>
      </c>
      <c r="C644" s="8">
        <v>8.2329541065406602</v>
      </c>
      <c r="D644" s="8">
        <v>5.5805213902231303</v>
      </c>
      <c r="E644" s="9">
        <v>1.4680713195603799E-5</v>
      </c>
      <c r="F644" s="10">
        <v>3.5910788130055901E-5</v>
      </c>
      <c r="G644" s="8">
        <v>1.1286828085212599</v>
      </c>
      <c r="H644" s="8">
        <v>6161</v>
      </c>
      <c r="I644" s="8" t="s">
        <v>1959</v>
      </c>
      <c r="J644" s="11" t="s">
        <v>1960</v>
      </c>
      <c r="K644" s="8">
        <v>3</v>
      </c>
      <c r="L644" s="8">
        <v>12834485</v>
      </c>
      <c r="M644" s="8">
        <v>12841588</v>
      </c>
      <c r="N644" s="12">
        <v>-1</v>
      </c>
      <c r="T644" s="25"/>
      <c r="U644" s="25"/>
    </row>
    <row r="645" spans="1:21" ht="99.75" x14ac:dyDescent="0.2">
      <c r="A645" s="8" t="s">
        <v>1961</v>
      </c>
      <c r="B645" s="8">
        <v>0.23775002779747001</v>
      </c>
      <c r="C645" s="8">
        <v>7.05667926763154</v>
      </c>
      <c r="D645" s="8">
        <v>5.5591216448830796</v>
      </c>
      <c r="E645" s="9">
        <v>1.54315547151115E-5</v>
      </c>
      <c r="F645" s="10">
        <v>3.76526506791325E-5</v>
      </c>
      <c r="G645" s="8">
        <v>1.14527365296365</v>
      </c>
      <c r="H645" s="8">
        <v>23560</v>
      </c>
      <c r="I645" s="8" t="s">
        <v>1962</v>
      </c>
      <c r="J645" s="11" t="s">
        <v>1963</v>
      </c>
      <c r="K645" s="8">
        <v>10</v>
      </c>
      <c r="L645" s="8">
        <v>988019</v>
      </c>
      <c r="M645" s="8">
        <v>1019936</v>
      </c>
      <c r="N645" s="12">
        <v>1</v>
      </c>
      <c r="T645" s="25"/>
      <c r="U645" s="25"/>
    </row>
    <row r="646" spans="1:21" ht="114" x14ac:dyDescent="0.2">
      <c r="A646" s="8" t="s">
        <v>1964</v>
      </c>
      <c r="B646" s="8">
        <v>0.20270373719500101</v>
      </c>
      <c r="C646" s="8">
        <v>7.8192981895390199</v>
      </c>
      <c r="D646" s="8">
        <v>5.5578306522790699</v>
      </c>
      <c r="E646" s="9">
        <v>1.5478082657611499E-5</v>
      </c>
      <c r="F646" s="10">
        <v>3.7754186965744703E-5</v>
      </c>
      <c r="G646" s="8">
        <v>1.09742288194556</v>
      </c>
      <c r="H646" s="8">
        <v>22803</v>
      </c>
      <c r="I646" s="8" t="s">
        <v>1965</v>
      </c>
      <c r="J646" s="11" t="s">
        <v>1966</v>
      </c>
      <c r="K646" s="8">
        <v>20</v>
      </c>
      <c r="L646" s="8">
        <v>21303304</v>
      </c>
      <c r="M646" s="8">
        <v>21389827</v>
      </c>
      <c r="N646" s="12">
        <v>1</v>
      </c>
    </row>
    <row r="647" spans="1:21" ht="99.75" x14ac:dyDescent="0.2">
      <c r="A647" s="8" t="s">
        <v>1967</v>
      </c>
      <c r="B647" s="8">
        <v>0.20312900715662599</v>
      </c>
      <c r="C647" s="8">
        <v>9.1994398591562092</v>
      </c>
      <c r="D647" s="8">
        <v>5.54690153750576</v>
      </c>
      <c r="E647" s="9">
        <v>1.5877740955462799E-5</v>
      </c>
      <c r="F647" s="10">
        <v>3.8669390414760998E-5</v>
      </c>
      <c r="G647" s="8">
        <v>1.00346956246228</v>
      </c>
      <c r="H647" s="8">
        <v>6202</v>
      </c>
      <c r="I647" s="8" t="s">
        <v>1968</v>
      </c>
      <c r="J647" s="11" t="s">
        <v>1969</v>
      </c>
      <c r="K647" s="8">
        <v>1</v>
      </c>
      <c r="L647" s="8">
        <v>44775251</v>
      </c>
      <c r="M647" s="8">
        <v>44778779</v>
      </c>
      <c r="N647" s="12">
        <v>1</v>
      </c>
      <c r="T647" s="25"/>
      <c r="U647" s="25"/>
    </row>
    <row r="648" spans="1:21" ht="114" x14ac:dyDescent="0.2">
      <c r="A648" s="8" t="s">
        <v>1970</v>
      </c>
      <c r="B648" s="8">
        <v>0.26754634964063301</v>
      </c>
      <c r="C648" s="8">
        <v>5.3621637422053601</v>
      </c>
      <c r="D648" s="8">
        <v>5.5428245248551704</v>
      </c>
      <c r="E648" s="9">
        <v>1.6029507217750001E-5</v>
      </c>
      <c r="F648" s="10">
        <v>3.9008971335116903E-5</v>
      </c>
      <c r="G648" s="8">
        <v>1.2901007734611001</v>
      </c>
      <c r="H648" s="8">
        <v>6728</v>
      </c>
      <c r="I648" s="8" t="s">
        <v>1971</v>
      </c>
      <c r="J648" s="11" t="s">
        <v>1972</v>
      </c>
      <c r="K648" s="8">
        <v>5</v>
      </c>
      <c r="L648" s="8">
        <v>112861222</v>
      </c>
      <c r="M648" s="8">
        <v>112869788</v>
      </c>
      <c r="N648" s="12">
        <v>1</v>
      </c>
      <c r="T648" s="25"/>
      <c r="U648" s="25"/>
    </row>
    <row r="649" spans="1:21" ht="99.75" x14ac:dyDescent="0.2">
      <c r="A649" s="8" t="s">
        <v>1973</v>
      </c>
      <c r="B649" s="8">
        <v>0.27501382741796498</v>
      </c>
      <c r="C649" s="8">
        <v>5.2597040469670997</v>
      </c>
      <c r="D649" s="8">
        <v>5.5387536477389796</v>
      </c>
      <c r="E649" s="9">
        <v>1.6182518883805801E-5</v>
      </c>
      <c r="F649" s="10">
        <v>3.9344274144869499E-5</v>
      </c>
      <c r="G649" s="8">
        <v>1.2984916390899901</v>
      </c>
      <c r="H649" s="8">
        <v>23759</v>
      </c>
      <c r="I649" s="8" t="s">
        <v>1974</v>
      </c>
      <c r="J649" s="11" t="s">
        <v>1975</v>
      </c>
      <c r="K649" s="8">
        <v>22</v>
      </c>
      <c r="L649" s="8">
        <v>21666009</v>
      </c>
      <c r="M649" s="8">
        <v>21700015</v>
      </c>
      <c r="N649" s="12">
        <v>1</v>
      </c>
      <c r="T649" s="25"/>
      <c r="U649" s="25"/>
    </row>
    <row r="650" spans="1:21" ht="114" x14ac:dyDescent="0.2">
      <c r="A650" s="8" t="s">
        <v>1976</v>
      </c>
      <c r="B650" s="8">
        <v>-0.338418431562793</v>
      </c>
      <c r="C650" s="8">
        <v>4.2001618395423597</v>
      </c>
      <c r="D650" s="8">
        <v>-5.5323262818013896</v>
      </c>
      <c r="E650" s="9">
        <v>1.6427137133219799E-5</v>
      </c>
      <c r="F650" s="10">
        <v>3.9894776219236302E-5</v>
      </c>
      <c r="G650" s="8">
        <v>1.53213175779446</v>
      </c>
      <c r="H650" s="8">
        <v>64981</v>
      </c>
      <c r="I650" s="8" t="s">
        <v>1977</v>
      </c>
      <c r="J650" s="11" t="s">
        <v>1978</v>
      </c>
      <c r="K650" s="8">
        <v>19</v>
      </c>
      <c r="L650" s="8">
        <v>17292609</v>
      </c>
      <c r="M650" s="8">
        <v>17306843</v>
      </c>
      <c r="N650" s="12">
        <v>1</v>
      </c>
      <c r="T650" s="25"/>
      <c r="U650" s="25"/>
    </row>
    <row r="651" spans="1:21" ht="142.5" x14ac:dyDescent="0.2">
      <c r="A651" s="8" t="s">
        <v>1979</v>
      </c>
      <c r="B651" s="8">
        <v>-0.245810771367831</v>
      </c>
      <c r="C651" s="8">
        <v>5.70743783528492</v>
      </c>
      <c r="D651" s="8">
        <v>-5.5279111527726297</v>
      </c>
      <c r="E651" s="9">
        <v>1.65973499554066E-5</v>
      </c>
      <c r="F651" s="10">
        <v>4.0272076474076302E-5</v>
      </c>
      <c r="G651" s="8">
        <v>1.2078966808715901</v>
      </c>
      <c r="H651" s="8">
        <v>55152</v>
      </c>
      <c r="I651" s="8" t="s">
        <v>1980</v>
      </c>
      <c r="J651" s="11" t="s">
        <v>1981</v>
      </c>
      <c r="K651" s="8">
        <v>3</v>
      </c>
      <c r="L651" s="8">
        <v>49015488</v>
      </c>
      <c r="M651" s="8">
        <v>49022293</v>
      </c>
      <c r="N651" s="12">
        <v>-1</v>
      </c>
      <c r="T651" s="25"/>
      <c r="U651" s="25"/>
    </row>
    <row r="652" spans="1:21" ht="142.5" x14ac:dyDescent="0.2">
      <c r="A652" s="8" t="s">
        <v>1982</v>
      </c>
      <c r="B652" s="8">
        <v>0.25822396339341602</v>
      </c>
      <c r="C652" s="8">
        <v>5.1505307386119696</v>
      </c>
      <c r="D652" s="8">
        <v>5.5237657383796401</v>
      </c>
      <c r="E652" s="9">
        <v>1.6758798812432899E-5</v>
      </c>
      <c r="F652" s="10">
        <v>4.06430319570018E-5</v>
      </c>
      <c r="G652" s="8">
        <v>1.2833887259247101</v>
      </c>
      <c r="H652" s="8">
        <v>25821</v>
      </c>
      <c r="I652" s="8" t="s">
        <v>1983</v>
      </c>
      <c r="J652" s="11" t="s">
        <v>1984</v>
      </c>
      <c r="K652" s="8">
        <v>6</v>
      </c>
      <c r="L652" s="8">
        <v>73461578</v>
      </c>
      <c r="M652" s="8">
        <v>73509236</v>
      </c>
      <c r="N652" s="12">
        <v>1</v>
      </c>
      <c r="T652" s="25"/>
      <c r="U652" s="25"/>
    </row>
    <row r="653" spans="1:21" ht="99.75" x14ac:dyDescent="0.2">
      <c r="A653" s="8" t="s">
        <v>1985</v>
      </c>
      <c r="B653" s="8">
        <v>-0.46382774347800598</v>
      </c>
      <c r="C653" s="8">
        <v>3.0278168765314799</v>
      </c>
      <c r="D653" s="8">
        <v>-5.5227717825734102</v>
      </c>
      <c r="E653" s="9">
        <v>1.6797746826556599E-5</v>
      </c>
      <c r="F653" s="10">
        <v>4.0732282331659098E-5</v>
      </c>
      <c r="G653" s="8">
        <v>1.82772867872022</v>
      </c>
      <c r="H653" s="8">
        <v>284131</v>
      </c>
      <c r="I653" s="8" t="s">
        <v>1986</v>
      </c>
      <c r="J653" s="11" t="s">
        <v>1987</v>
      </c>
      <c r="K653" s="8">
        <v>17</v>
      </c>
      <c r="L653" s="8">
        <v>80415165</v>
      </c>
      <c r="M653" s="8">
        <v>80438086</v>
      </c>
      <c r="N653" s="12">
        <v>1</v>
      </c>
      <c r="T653" s="25"/>
      <c r="U653" s="25"/>
    </row>
    <row r="654" spans="1:21" ht="156.75" x14ac:dyDescent="0.2">
      <c r="A654" s="8" t="s">
        <v>1988</v>
      </c>
      <c r="B654" s="8">
        <v>0.241408966124078</v>
      </c>
      <c r="C654" s="8">
        <v>5.86533127157149</v>
      </c>
      <c r="D654" s="8">
        <v>5.5096592498648498</v>
      </c>
      <c r="E654" s="9">
        <v>1.7320269725528899E-5</v>
      </c>
      <c r="F654" s="10">
        <v>4.1918984642438603E-5</v>
      </c>
      <c r="G654" s="8">
        <v>1.1350046859318901</v>
      </c>
      <c r="H654" s="8">
        <v>7073</v>
      </c>
      <c r="I654" s="8" t="s">
        <v>1989</v>
      </c>
      <c r="J654" s="11" t="s">
        <v>1990</v>
      </c>
      <c r="K654" s="8">
        <v>10</v>
      </c>
      <c r="L654" s="8">
        <v>119571802</v>
      </c>
      <c r="M654" s="8">
        <v>119597029</v>
      </c>
      <c r="N654" s="12">
        <v>-1</v>
      </c>
    </row>
    <row r="655" spans="1:21" ht="99.75" x14ac:dyDescent="0.2">
      <c r="A655" s="8" t="s">
        <v>1991</v>
      </c>
      <c r="B655" s="8">
        <v>0.383765683147335</v>
      </c>
      <c r="C655" s="8">
        <v>4.0952729698200896</v>
      </c>
      <c r="D655" s="8">
        <v>5.5016274842502799</v>
      </c>
      <c r="E655" s="9">
        <v>1.7648469216765198E-5</v>
      </c>
      <c r="F655" s="10">
        <v>4.2658896997395798E-5</v>
      </c>
      <c r="G655" s="8">
        <v>1.46708711556481</v>
      </c>
      <c r="H655" s="8">
        <v>55794</v>
      </c>
      <c r="I655" s="8" t="s">
        <v>1992</v>
      </c>
      <c r="J655" s="11" t="s">
        <v>1993</v>
      </c>
      <c r="K655" s="8">
        <v>16</v>
      </c>
      <c r="L655" s="8">
        <v>68021274</v>
      </c>
      <c r="M655" s="8">
        <v>68023442</v>
      </c>
      <c r="N655" s="12">
        <v>-1</v>
      </c>
      <c r="T655" s="25"/>
      <c r="U655" s="25"/>
    </row>
    <row r="656" spans="1:21" ht="114" x14ac:dyDescent="0.2">
      <c r="A656" s="8" t="s">
        <v>1994</v>
      </c>
      <c r="B656" s="8">
        <v>0.20197170389387101</v>
      </c>
      <c r="C656" s="8">
        <v>6.9444421387108504</v>
      </c>
      <c r="D656" s="8">
        <v>5.4958442011353803</v>
      </c>
      <c r="E656" s="9">
        <v>1.78887031833473E-5</v>
      </c>
      <c r="F656" s="10">
        <v>4.3201058833084897E-5</v>
      </c>
      <c r="G656" s="8">
        <v>1.0023442563637599</v>
      </c>
      <c r="H656" s="8">
        <v>51021</v>
      </c>
      <c r="I656" s="8" t="s">
        <v>1995</v>
      </c>
      <c r="J656" s="11" t="s">
        <v>1996</v>
      </c>
      <c r="K656" s="8">
        <v>10</v>
      </c>
      <c r="L656" s="8">
        <v>73248843</v>
      </c>
      <c r="M656" s="8">
        <v>73252693</v>
      </c>
      <c r="N656" s="12">
        <v>-1</v>
      </c>
      <c r="T656" s="25"/>
      <c r="U656" s="25"/>
    </row>
    <row r="657" spans="1:21" ht="114" x14ac:dyDescent="0.2">
      <c r="A657" s="8" t="s">
        <v>1997</v>
      </c>
      <c r="B657" s="8">
        <v>0.24865451527539101</v>
      </c>
      <c r="C657" s="8">
        <v>6.34967772134884</v>
      </c>
      <c r="D657" s="8">
        <v>5.4947335974455198</v>
      </c>
      <c r="E657" s="9">
        <v>1.79352165116476E-5</v>
      </c>
      <c r="F657" s="10">
        <v>4.3291351277224102E-5</v>
      </c>
      <c r="G657" s="8">
        <v>1.0454962691719001</v>
      </c>
      <c r="H657" s="8">
        <v>9128</v>
      </c>
      <c r="I657" s="8" t="s">
        <v>1998</v>
      </c>
      <c r="J657" s="11" t="s">
        <v>1999</v>
      </c>
      <c r="K657" s="8">
        <v>9</v>
      </c>
      <c r="L657" s="8">
        <v>113275343</v>
      </c>
      <c r="M657" s="8">
        <v>113292905</v>
      </c>
      <c r="N657" s="12">
        <v>1</v>
      </c>
      <c r="T657" s="25"/>
      <c r="U657" s="25"/>
    </row>
    <row r="658" spans="1:21" ht="128.25" x14ac:dyDescent="0.2">
      <c r="A658" s="8" t="s">
        <v>2000</v>
      </c>
      <c r="B658" s="8">
        <v>-0.82289772002667105</v>
      </c>
      <c r="C658" s="8">
        <v>1.1769937559719399</v>
      </c>
      <c r="D658" s="8">
        <v>-5.4881257617040404</v>
      </c>
      <c r="E658" s="9">
        <v>1.8214515972110001E-5</v>
      </c>
      <c r="F658" s="10">
        <v>4.3915241977224203E-5</v>
      </c>
      <c r="G658" s="8">
        <v>2.2693815397477399</v>
      </c>
      <c r="H658" s="8">
        <v>348093</v>
      </c>
      <c r="I658" s="8" t="s">
        <v>2001</v>
      </c>
      <c r="J658" s="11" t="s">
        <v>2002</v>
      </c>
      <c r="K658" s="8">
        <v>15</v>
      </c>
      <c r="L658" s="8">
        <v>64739892</v>
      </c>
      <c r="M658" s="8">
        <v>64775587</v>
      </c>
      <c r="N658" s="12">
        <v>-1</v>
      </c>
    </row>
    <row r="659" spans="1:21" ht="156.75" x14ac:dyDescent="0.2">
      <c r="A659" s="8" t="s">
        <v>2003</v>
      </c>
      <c r="B659" s="8">
        <v>0.24562267386161499</v>
      </c>
      <c r="C659" s="8">
        <v>6.3114223057198604</v>
      </c>
      <c r="D659" s="8">
        <v>5.4814855602548498</v>
      </c>
      <c r="E659" s="9">
        <v>1.8499643137463899E-5</v>
      </c>
      <c r="F659" s="10">
        <v>4.45573966010474E-5</v>
      </c>
      <c r="G659" s="8">
        <v>1.0176327462113199</v>
      </c>
      <c r="H659" s="8">
        <v>10436</v>
      </c>
      <c r="I659" s="8" t="s">
        <v>2004</v>
      </c>
      <c r="J659" s="11" t="s">
        <v>2005</v>
      </c>
      <c r="K659" s="8">
        <v>12</v>
      </c>
      <c r="L659" s="8">
        <v>6970893</v>
      </c>
      <c r="M659" s="8">
        <v>6979941</v>
      </c>
      <c r="N659" s="12">
        <v>1</v>
      </c>
      <c r="T659" s="25"/>
      <c r="U659" s="25"/>
    </row>
    <row r="660" spans="1:21" ht="128.25" x14ac:dyDescent="0.2">
      <c r="A660" s="8" t="s">
        <v>2006</v>
      </c>
      <c r="B660" s="8">
        <v>-0.25170199310742197</v>
      </c>
      <c r="C660" s="8">
        <v>6.1931986722702099</v>
      </c>
      <c r="D660" s="8">
        <v>-5.4806140319978196</v>
      </c>
      <c r="E660" s="9">
        <v>1.8537401827604999E-5</v>
      </c>
      <c r="F660" s="10">
        <v>4.4637009831551798E-5</v>
      </c>
      <c r="G660" s="8">
        <v>1.0332513726413901</v>
      </c>
      <c r="H660" s="8">
        <v>8894</v>
      </c>
      <c r="I660" s="8" t="s">
        <v>2007</v>
      </c>
      <c r="J660" s="11" t="s">
        <v>2008</v>
      </c>
      <c r="K660" s="8">
        <v>20</v>
      </c>
      <c r="L660" s="8">
        <v>34088298</v>
      </c>
      <c r="M660" s="8">
        <v>34112332</v>
      </c>
      <c r="N660" s="12">
        <v>-1</v>
      </c>
      <c r="T660" s="25"/>
      <c r="U660" s="25"/>
    </row>
    <row r="661" spans="1:21" ht="99.75" x14ac:dyDescent="0.2">
      <c r="A661" s="8" t="s">
        <v>2009</v>
      </c>
      <c r="B661" s="8">
        <v>0.27641629758625902</v>
      </c>
      <c r="C661" s="8">
        <v>6.2618189252573098</v>
      </c>
      <c r="D661" s="8">
        <v>5.4676335788635901</v>
      </c>
      <c r="E661" s="9">
        <v>1.9109148474532198E-5</v>
      </c>
      <c r="F661" s="10">
        <v>4.5903077291290898E-5</v>
      </c>
      <c r="G661" s="8">
        <v>0.98930123771235801</v>
      </c>
      <c r="H661" s="8">
        <v>84549</v>
      </c>
      <c r="I661" s="8" t="s">
        <v>2010</v>
      </c>
      <c r="J661" s="11" t="s">
        <v>2011</v>
      </c>
      <c r="K661" s="8">
        <v>8</v>
      </c>
      <c r="L661" s="8">
        <v>33484750</v>
      </c>
      <c r="M661" s="8">
        <v>33501260</v>
      </c>
      <c r="N661" s="12">
        <v>1</v>
      </c>
    </row>
    <row r="662" spans="1:21" ht="99.75" x14ac:dyDescent="0.2">
      <c r="A662" s="8" t="s">
        <v>2012</v>
      </c>
      <c r="B662" s="8">
        <v>0.23523025953112101</v>
      </c>
      <c r="C662" s="8">
        <v>7.5165769935705704</v>
      </c>
      <c r="D662" s="8">
        <v>5.4591198364518396</v>
      </c>
      <c r="E662" s="9">
        <v>1.9493863314244601E-5</v>
      </c>
      <c r="F662" s="10">
        <v>4.6750289917151502E-5</v>
      </c>
      <c r="G662" s="8">
        <v>0.87985042864810703</v>
      </c>
      <c r="H662" s="8">
        <v>6169</v>
      </c>
      <c r="I662" s="8" t="s">
        <v>2013</v>
      </c>
      <c r="J662" s="11" t="s">
        <v>2014</v>
      </c>
      <c r="K662" s="8">
        <v>17</v>
      </c>
      <c r="L662" s="8">
        <v>74203582</v>
      </c>
      <c r="M662" s="8">
        <v>74210655</v>
      </c>
      <c r="N662" s="12">
        <v>1</v>
      </c>
      <c r="T662" s="25"/>
      <c r="U662" s="25"/>
    </row>
    <row r="663" spans="1:21" ht="114" x14ac:dyDescent="0.2">
      <c r="A663" s="8" t="s">
        <v>2015</v>
      </c>
      <c r="B663" s="8">
        <v>0.27132908916853699</v>
      </c>
      <c r="C663" s="8">
        <v>7.5717195088826097</v>
      </c>
      <c r="D663" s="8">
        <v>5.4381830025425701</v>
      </c>
      <c r="E663" s="9">
        <v>2.0473809692947298E-5</v>
      </c>
      <c r="F663" s="10">
        <v>4.8933436592325098E-5</v>
      </c>
      <c r="G663" s="8">
        <v>0.82662944400093397</v>
      </c>
      <c r="H663" s="8">
        <v>4830</v>
      </c>
      <c r="I663" s="8" t="s">
        <v>2016</v>
      </c>
      <c r="J663" s="11" t="s">
        <v>2017</v>
      </c>
      <c r="K663" s="8">
        <v>17</v>
      </c>
      <c r="L663" s="8">
        <v>51153536</v>
      </c>
      <c r="M663" s="8">
        <v>51162428</v>
      </c>
      <c r="N663" s="12">
        <v>1</v>
      </c>
      <c r="T663" s="25"/>
      <c r="U663" s="25"/>
    </row>
    <row r="664" spans="1:21" ht="128.25" x14ac:dyDescent="0.2">
      <c r="A664" s="8" t="s">
        <v>2018</v>
      </c>
      <c r="B664" s="8">
        <v>-0.29295276238936602</v>
      </c>
      <c r="C664" s="8">
        <v>4.7737205476074402</v>
      </c>
      <c r="D664" s="8">
        <v>-5.4352443103660102</v>
      </c>
      <c r="E664" s="9">
        <v>2.06153097115376E-5</v>
      </c>
      <c r="F664" s="10">
        <v>4.9246819284472501E-5</v>
      </c>
      <c r="G664" s="8">
        <v>1.16298224277178</v>
      </c>
      <c r="H664" s="8" t="s">
        <v>2019</v>
      </c>
      <c r="I664" s="8" t="s">
        <v>2020</v>
      </c>
      <c r="J664" s="11" t="s">
        <v>2021</v>
      </c>
      <c r="K664" s="8">
        <v>16</v>
      </c>
      <c r="L664" s="8">
        <v>22206282</v>
      </c>
      <c r="M664" s="8">
        <v>22288732</v>
      </c>
      <c r="N664" s="12">
        <v>1</v>
      </c>
    </row>
    <row r="665" spans="1:21" ht="142.5" x14ac:dyDescent="0.2">
      <c r="A665" s="8" t="s">
        <v>2022</v>
      </c>
      <c r="B665" s="8">
        <v>0.194938938853494</v>
      </c>
      <c r="C665" s="8">
        <v>7.3079869825050201</v>
      </c>
      <c r="D665" s="8">
        <v>5.4311664823095596</v>
      </c>
      <c r="E665" s="9">
        <v>2.08133092125438E-5</v>
      </c>
      <c r="F665" s="10">
        <v>4.9701040509178799E-5</v>
      </c>
      <c r="G665" s="8">
        <v>0.82573589501296496</v>
      </c>
      <c r="H665" s="8">
        <v>51493</v>
      </c>
      <c r="I665" s="8" t="s">
        <v>2023</v>
      </c>
      <c r="J665" s="11" t="s">
        <v>2024</v>
      </c>
      <c r="K665" s="8">
        <v>22</v>
      </c>
      <c r="L665" s="8">
        <v>32387582</v>
      </c>
      <c r="M665" s="8">
        <v>32412255</v>
      </c>
      <c r="N665" s="12">
        <v>-1</v>
      </c>
      <c r="T665" s="25"/>
      <c r="U665" s="25"/>
    </row>
    <row r="666" spans="1:21" ht="99.75" x14ac:dyDescent="0.2">
      <c r="A666" s="8" t="s">
        <v>2025</v>
      </c>
      <c r="B666" s="8">
        <v>0.29767622044323599</v>
      </c>
      <c r="C666" s="8">
        <v>7.2233371700634601</v>
      </c>
      <c r="D666" s="8">
        <v>5.4242128009363197</v>
      </c>
      <c r="E666" s="9">
        <v>2.1155418033886702E-5</v>
      </c>
      <c r="F666" s="10">
        <v>5.0473518736367699E-5</v>
      </c>
      <c r="G666" s="8">
        <v>0.81378916079491004</v>
      </c>
      <c r="H666" s="8">
        <v>26354</v>
      </c>
      <c r="I666" s="8" t="s">
        <v>2026</v>
      </c>
      <c r="J666" s="11" t="s">
        <v>2027</v>
      </c>
      <c r="K666" s="8">
        <v>3</v>
      </c>
      <c r="L666" s="8">
        <v>52681156</v>
      </c>
      <c r="M666" s="8">
        <v>52694492</v>
      </c>
      <c r="N666" s="12">
        <v>1</v>
      </c>
      <c r="T666" s="25"/>
      <c r="U666" s="25"/>
    </row>
    <row r="667" spans="1:21" ht="142.5" x14ac:dyDescent="0.2">
      <c r="A667" s="8" t="s">
        <v>2028</v>
      </c>
      <c r="B667" s="8">
        <v>-0.25718558257111601</v>
      </c>
      <c r="C667" s="8">
        <v>5.0438451543786202</v>
      </c>
      <c r="D667" s="8">
        <v>-5.4105430755165704</v>
      </c>
      <c r="E667" s="9">
        <v>2.1844709524829799E-5</v>
      </c>
      <c r="F667" s="10">
        <v>5.2059155174267998E-5</v>
      </c>
      <c r="G667" s="8">
        <v>1.0456700877489999</v>
      </c>
      <c r="H667" s="8">
        <v>9451</v>
      </c>
      <c r="I667" s="8" t="s">
        <v>2029</v>
      </c>
      <c r="J667" s="11" t="s">
        <v>2030</v>
      </c>
      <c r="K667" s="8">
        <v>2</v>
      </c>
      <c r="L667" s="8">
        <v>88556741</v>
      </c>
      <c r="M667" s="8">
        <v>88627576</v>
      </c>
      <c r="N667" s="12">
        <v>-1</v>
      </c>
      <c r="T667" s="25"/>
      <c r="U667" s="25"/>
    </row>
    <row r="668" spans="1:21" ht="128.25" x14ac:dyDescent="0.2">
      <c r="A668" s="8" t="s">
        <v>2031</v>
      </c>
      <c r="B668" s="8">
        <v>0.21588544814135999</v>
      </c>
      <c r="C668" s="8">
        <v>6.6981041550932199</v>
      </c>
      <c r="D668" s="8">
        <v>5.4093560534165004</v>
      </c>
      <c r="E668" s="9">
        <v>2.1905632026422901E-5</v>
      </c>
      <c r="F668" s="10">
        <v>5.2197787414041598E-5</v>
      </c>
      <c r="G668" s="8">
        <v>0.81335612253657696</v>
      </c>
      <c r="H668" s="8">
        <v>57003</v>
      </c>
      <c r="I668" s="8" t="s">
        <v>2032</v>
      </c>
      <c r="J668" s="11" t="s">
        <v>2033</v>
      </c>
      <c r="K668" s="8">
        <v>17</v>
      </c>
      <c r="L668" s="8">
        <v>63745250</v>
      </c>
      <c r="M668" s="8">
        <v>63776351</v>
      </c>
      <c r="N668" s="12">
        <v>-1</v>
      </c>
      <c r="T668" s="25"/>
      <c r="U668" s="25"/>
    </row>
    <row r="669" spans="1:21" ht="99.75" x14ac:dyDescent="0.2">
      <c r="A669" s="8" t="s">
        <v>2034</v>
      </c>
      <c r="B669" s="8">
        <v>-0.172137885449301</v>
      </c>
      <c r="C669" s="8">
        <v>8.4167513511142005</v>
      </c>
      <c r="D669" s="8">
        <v>-5.4065493663468001</v>
      </c>
      <c r="E669" s="9">
        <v>2.20503699827067E-5</v>
      </c>
      <c r="F669" s="10">
        <v>5.2522890819859999E-5</v>
      </c>
      <c r="G669" s="8">
        <v>0.70713680876679796</v>
      </c>
      <c r="H669" s="8">
        <v>23193</v>
      </c>
      <c r="I669" s="8" t="s">
        <v>2035</v>
      </c>
      <c r="J669" s="11" t="s">
        <v>2036</v>
      </c>
      <c r="K669" s="8">
        <v>11</v>
      </c>
      <c r="L669" s="8">
        <v>62624826</v>
      </c>
      <c r="M669" s="8">
        <v>62646726</v>
      </c>
      <c r="N669" s="12">
        <v>-1</v>
      </c>
      <c r="T669" s="25"/>
    </row>
    <row r="670" spans="1:21" ht="128.25" x14ac:dyDescent="0.2">
      <c r="A670" s="8" t="s">
        <v>2037</v>
      </c>
      <c r="B670" s="8">
        <v>0.25514965601762502</v>
      </c>
      <c r="C670" s="8">
        <v>7.1126084195334203</v>
      </c>
      <c r="D670" s="8">
        <v>5.39505529086229</v>
      </c>
      <c r="E670" s="9">
        <v>2.2653324552921401E-5</v>
      </c>
      <c r="F670" s="10">
        <v>5.38307212673165E-5</v>
      </c>
      <c r="G670" s="8">
        <v>0.75126104047530395</v>
      </c>
      <c r="H670" s="8">
        <v>9790</v>
      </c>
      <c r="I670" s="8" t="s">
        <v>2038</v>
      </c>
      <c r="J670" s="11" t="s">
        <v>2039</v>
      </c>
      <c r="K670" s="8">
        <v>10</v>
      </c>
      <c r="L670" s="8">
        <v>42782801</v>
      </c>
      <c r="M670" s="8">
        <v>42834937</v>
      </c>
      <c r="N670" s="12">
        <v>1</v>
      </c>
      <c r="T670" s="25"/>
      <c r="U670" s="25"/>
    </row>
    <row r="671" spans="1:21" ht="85.5" x14ac:dyDescent="0.2">
      <c r="A671" s="8" t="s">
        <v>2040</v>
      </c>
      <c r="B671" s="8">
        <v>-0.33422879038138797</v>
      </c>
      <c r="C671" s="8">
        <v>7.6057457151785197</v>
      </c>
      <c r="D671" s="8">
        <v>-5.3864233418884799</v>
      </c>
      <c r="E671" s="9">
        <v>2.3117137837485599E-5</v>
      </c>
      <c r="F671" s="10">
        <v>5.4864172679085198E-5</v>
      </c>
      <c r="G671" s="8">
        <v>0.70467256390360999</v>
      </c>
      <c r="H671" s="8">
        <v>81</v>
      </c>
      <c r="I671" s="8" t="s">
        <v>2041</v>
      </c>
      <c r="J671" s="11" t="s">
        <v>2042</v>
      </c>
      <c r="K671" s="8">
        <v>19</v>
      </c>
      <c r="L671" s="8">
        <v>38647649</v>
      </c>
      <c r="M671" s="8">
        <v>38731583</v>
      </c>
      <c r="N671" s="12">
        <v>1</v>
      </c>
      <c r="T671" s="25"/>
    </row>
    <row r="672" spans="1:21" ht="171" x14ac:dyDescent="0.2">
      <c r="A672" s="8" t="s">
        <v>2043</v>
      </c>
      <c r="B672" s="8">
        <v>-0.82096688538715201</v>
      </c>
      <c r="C672" s="8">
        <v>1.83791364281114</v>
      </c>
      <c r="D672" s="8">
        <v>-5.38043802771187</v>
      </c>
      <c r="E672" s="9">
        <v>2.3444398742617702E-5</v>
      </c>
      <c r="F672" s="10">
        <v>5.5585251741461299E-5</v>
      </c>
      <c r="G672" s="8">
        <v>1.8382044635518799</v>
      </c>
      <c r="H672" s="8">
        <v>10656</v>
      </c>
      <c r="I672" s="8" t="s">
        <v>2044</v>
      </c>
      <c r="J672" s="11" t="s">
        <v>2045</v>
      </c>
      <c r="K672" s="8">
        <v>8</v>
      </c>
      <c r="L672" s="8">
        <v>135457457</v>
      </c>
      <c r="M672" s="8">
        <v>135656722</v>
      </c>
      <c r="N672" s="12">
        <v>1</v>
      </c>
      <c r="T672" s="25"/>
      <c r="U672" s="25"/>
    </row>
    <row r="673" spans="1:21" ht="128.25" x14ac:dyDescent="0.2">
      <c r="A673" s="8" t="s">
        <v>2046</v>
      </c>
      <c r="B673" s="8">
        <v>0.20130521885934499</v>
      </c>
      <c r="C673" s="8">
        <v>6.3851514990329301</v>
      </c>
      <c r="D673" s="8">
        <v>5.3760637583322799</v>
      </c>
      <c r="E673" s="9">
        <v>2.36865472656832E-5</v>
      </c>
      <c r="F673" s="10">
        <v>5.61173043022309E-5</v>
      </c>
      <c r="G673" s="8">
        <v>0.759662218253217</v>
      </c>
      <c r="H673" s="8">
        <v>7332</v>
      </c>
      <c r="I673" s="8" t="s">
        <v>2047</v>
      </c>
      <c r="J673" s="11" t="s">
        <v>2048</v>
      </c>
      <c r="K673" s="8">
        <v>22</v>
      </c>
      <c r="L673" s="8">
        <v>21549447</v>
      </c>
      <c r="M673" s="8">
        <v>21624034</v>
      </c>
      <c r="N673" s="12">
        <v>1</v>
      </c>
      <c r="T673" s="25"/>
      <c r="U673" s="25"/>
    </row>
    <row r="674" spans="1:21" ht="128.25" x14ac:dyDescent="0.2">
      <c r="A674" s="8" t="s">
        <v>2049</v>
      </c>
      <c r="B674" s="8">
        <v>-0.222458310726354</v>
      </c>
      <c r="C674" s="8">
        <v>6.3668461934501401</v>
      </c>
      <c r="D674" s="8">
        <v>-5.3745766814991098</v>
      </c>
      <c r="E674" s="9">
        <v>2.3769445841720299E-5</v>
      </c>
      <c r="F674" s="10">
        <v>5.6285596922676003E-5</v>
      </c>
      <c r="G674" s="8">
        <v>0.76232005697060301</v>
      </c>
      <c r="H674" s="8">
        <v>10898</v>
      </c>
      <c r="I674" s="8" t="s">
        <v>2050</v>
      </c>
      <c r="J674" s="11" t="s">
        <v>2051</v>
      </c>
      <c r="K674" s="8">
        <v>7</v>
      </c>
      <c r="L674" s="8">
        <v>99438922</v>
      </c>
      <c r="M674" s="8">
        <v>99457371</v>
      </c>
      <c r="N674" s="12">
        <v>1</v>
      </c>
      <c r="T674" s="25"/>
      <c r="U674" s="25"/>
    </row>
    <row r="675" spans="1:21" ht="142.5" x14ac:dyDescent="0.2">
      <c r="A675" s="8" t="s">
        <v>2052</v>
      </c>
      <c r="B675" s="8">
        <v>0.197028868260329</v>
      </c>
      <c r="C675" s="8">
        <v>7.3601815750038204</v>
      </c>
      <c r="D675" s="8">
        <v>5.3724120799764998</v>
      </c>
      <c r="E675" s="9">
        <v>2.3890641040700499E-5</v>
      </c>
      <c r="F675" s="10">
        <v>5.6551415121538301E-5</v>
      </c>
      <c r="G675" s="8">
        <v>0.68248763708567495</v>
      </c>
      <c r="H675" s="8">
        <v>253943</v>
      </c>
      <c r="I675" s="8" t="s">
        <v>2053</v>
      </c>
      <c r="J675" s="11" t="s">
        <v>2054</v>
      </c>
      <c r="K675" s="8">
        <v>8</v>
      </c>
      <c r="L675" s="8">
        <v>63168553</v>
      </c>
      <c r="M675" s="8">
        <v>63212786</v>
      </c>
      <c r="N675" s="12">
        <v>1</v>
      </c>
      <c r="T675" s="25"/>
      <c r="U675" s="25"/>
    </row>
    <row r="676" spans="1:21" ht="85.5" x14ac:dyDescent="0.2">
      <c r="A676" s="8" t="s">
        <v>2055</v>
      </c>
      <c r="B676" s="8">
        <v>0.207220196487369</v>
      </c>
      <c r="C676" s="8">
        <v>6.8436511269285702</v>
      </c>
      <c r="D676" s="8">
        <v>5.3718257393125004</v>
      </c>
      <c r="E676" s="9">
        <v>2.3923578003624399E-5</v>
      </c>
      <c r="F676" s="10">
        <v>5.6615256238281697E-5</v>
      </c>
      <c r="G676" s="8">
        <v>0.71357890053840101</v>
      </c>
      <c r="H676" s="8">
        <v>5356</v>
      </c>
      <c r="I676" s="8" t="s">
        <v>2056</v>
      </c>
      <c r="J676" s="11" t="s">
        <v>2057</v>
      </c>
      <c r="K676" s="8">
        <v>4</v>
      </c>
      <c r="L676" s="8">
        <v>154535006</v>
      </c>
      <c r="M676" s="8">
        <v>154550435</v>
      </c>
      <c r="N676" s="12">
        <v>-1</v>
      </c>
    </row>
    <row r="677" spans="1:21" ht="114" x14ac:dyDescent="0.2">
      <c r="A677" s="8" t="s">
        <v>2058</v>
      </c>
      <c r="B677" s="8">
        <v>0.290429439028281</v>
      </c>
      <c r="C677" s="8">
        <v>4.4860658637837503</v>
      </c>
      <c r="D677" s="8">
        <v>5.3696226130310203</v>
      </c>
      <c r="E677" s="9">
        <v>2.4047748942713601E-5</v>
      </c>
      <c r="F677" s="10">
        <v>5.6894917302814702E-5</v>
      </c>
      <c r="G677" s="8">
        <v>1.0581239467136401</v>
      </c>
      <c r="H677" s="8">
        <v>57117</v>
      </c>
      <c r="I677" s="8" t="s">
        <v>2059</v>
      </c>
      <c r="J677" s="11" t="s">
        <v>2060</v>
      </c>
      <c r="K677" s="8">
        <v>4</v>
      </c>
      <c r="L677" s="8">
        <v>105682627</v>
      </c>
      <c r="M677" s="8">
        <v>105895986</v>
      </c>
      <c r="N677" s="12">
        <v>-1</v>
      </c>
      <c r="T677" s="25"/>
      <c r="U677" s="25"/>
    </row>
    <row r="678" spans="1:21" ht="99.75" x14ac:dyDescent="0.2">
      <c r="A678" s="8" t="s">
        <v>2061</v>
      </c>
      <c r="B678" s="8">
        <v>-0.48812632536378903</v>
      </c>
      <c r="C678" s="8">
        <v>5.2166344883180598</v>
      </c>
      <c r="D678" s="8">
        <v>-5.3691255530314699</v>
      </c>
      <c r="E678" s="9">
        <v>2.40758543077247E-5</v>
      </c>
      <c r="F678" s="10">
        <v>5.6954311542968402E-5</v>
      </c>
      <c r="G678" s="8">
        <v>0.92097762938866101</v>
      </c>
      <c r="H678" s="8">
        <v>677</v>
      </c>
      <c r="I678" s="8" t="s">
        <v>2062</v>
      </c>
      <c r="J678" s="11" t="s">
        <v>2063</v>
      </c>
      <c r="K678" s="8">
        <v>14</v>
      </c>
      <c r="L678" s="8">
        <v>68787660</v>
      </c>
      <c r="M678" s="8">
        <v>68796253</v>
      </c>
      <c r="N678" s="12">
        <v>-1</v>
      </c>
      <c r="T678" s="25"/>
      <c r="U678" s="25"/>
    </row>
    <row r="679" spans="1:21" ht="156.75" x14ac:dyDescent="0.2">
      <c r="A679" s="8" t="s">
        <v>2064</v>
      </c>
      <c r="B679" s="8">
        <v>0.298016689505265</v>
      </c>
      <c r="C679" s="8">
        <v>4.5470667750520599</v>
      </c>
      <c r="D679" s="8">
        <v>5.3612880898889799</v>
      </c>
      <c r="E679" s="9">
        <v>2.4523449021259599E-5</v>
      </c>
      <c r="F679" s="10">
        <v>5.7940922818282399E-5</v>
      </c>
      <c r="G679" s="8">
        <v>1.0237129140083101</v>
      </c>
      <c r="H679" s="8" t="s">
        <v>2065</v>
      </c>
      <c r="I679" s="8" t="s">
        <v>2066</v>
      </c>
      <c r="J679" s="11" t="s">
        <v>2067</v>
      </c>
      <c r="K679" s="8">
        <v>1</v>
      </c>
      <c r="L679" s="8">
        <v>150487364</v>
      </c>
      <c r="M679" s="8">
        <v>150507609</v>
      </c>
      <c r="N679" s="12">
        <v>1</v>
      </c>
      <c r="T679" s="25"/>
      <c r="U679" s="25"/>
    </row>
    <row r="680" spans="1:21" ht="128.25" x14ac:dyDescent="0.2">
      <c r="A680" s="8" t="s">
        <v>2068</v>
      </c>
      <c r="B680" s="8">
        <v>0.191210364154488</v>
      </c>
      <c r="C680" s="8">
        <v>8.6169888985551601</v>
      </c>
      <c r="D680" s="8">
        <v>5.35652982670259</v>
      </c>
      <c r="E680" s="9">
        <v>2.4799308219321699E-5</v>
      </c>
      <c r="F680" s="10">
        <v>5.8548951490180098E-5</v>
      </c>
      <c r="G680" s="8">
        <v>0.57594487573433495</v>
      </c>
      <c r="H680" s="8">
        <v>10128</v>
      </c>
      <c r="I680" s="8" t="s">
        <v>2069</v>
      </c>
      <c r="J680" s="11" t="s">
        <v>2070</v>
      </c>
      <c r="K680" s="8">
        <v>2</v>
      </c>
      <c r="L680" s="8">
        <v>43886508</v>
      </c>
      <c r="M680" s="8">
        <v>43996005</v>
      </c>
      <c r="N680" s="12">
        <v>-1</v>
      </c>
    </row>
    <row r="681" spans="1:21" ht="142.5" x14ac:dyDescent="0.2">
      <c r="A681" s="8" t="s">
        <v>2071</v>
      </c>
      <c r="B681" s="8">
        <v>0.22111834305362499</v>
      </c>
      <c r="C681" s="8">
        <v>5.4119918438066996</v>
      </c>
      <c r="D681" s="8">
        <v>5.3552054093325001</v>
      </c>
      <c r="E681" s="9">
        <v>2.4876650557314999E-5</v>
      </c>
      <c r="F681" s="10">
        <v>5.8724244013704102E-5</v>
      </c>
      <c r="G681" s="8">
        <v>0.83533426249931098</v>
      </c>
      <c r="H681" s="8">
        <v>51008</v>
      </c>
      <c r="I681" s="8" t="s">
        <v>2072</v>
      </c>
      <c r="J681" s="11" t="s">
        <v>2073</v>
      </c>
      <c r="K681" s="8">
        <v>10</v>
      </c>
      <c r="L681" s="8">
        <v>72096032</v>
      </c>
      <c r="M681" s="8">
        <v>72217134</v>
      </c>
      <c r="N681" s="12">
        <v>-1</v>
      </c>
      <c r="T681" s="25"/>
      <c r="U681" s="25"/>
    </row>
    <row r="682" spans="1:21" ht="85.5" x14ac:dyDescent="0.2">
      <c r="A682" s="8" t="s">
        <v>2074</v>
      </c>
      <c r="B682" s="8">
        <v>0.73691867315975401</v>
      </c>
      <c r="C682" s="8">
        <v>2.6187459715872299</v>
      </c>
      <c r="D682" s="8">
        <v>5.3367698269923096</v>
      </c>
      <c r="E682" s="9">
        <v>2.5979046583853901E-5</v>
      </c>
      <c r="F682" s="10">
        <v>6.1083430432634804E-5</v>
      </c>
      <c r="G682" s="8">
        <v>1.4707258860286501</v>
      </c>
      <c r="H682" s="8">
        <v>6310</v>
      </c>
      <c r="I682" s="8" t="s">
        <v>2075</v>
      </c>
      <c r="J682" s="11" t="s">
        <v>2076</v>
      </c>
      <c r="K682" s="8">
        <v>6</v>
      </c>
      <c r="L682" s="8">
        <v>16299112</v>
      </c>
      <c r="M682" s="8">
        <v>16761491</v>
      </c>
      <c r="N682" s="12">
        <v>-1</v>
      </c>
      <c r="T682" s="25"/>
      <c r="U682" s="25"/>
    </row>
    <row r="683" spans="1:21" ht="142.5" x14ac:dyDescent="0.2">
      <c r="A683" s="8" t="s">
        <v>2077</v>
      </c>
      <c r="B683" s="8">
        <v>0.40109430020318698</v>
      </c>
      <c r="C683" s="8">
        <v>3.0548160446627701</v>
      </c>
      <c r="D683" s="8">
        <v>5.3232394012575197</v>
      </c>
      <c r="E683" s="9">
        <v>2.6819605449578898E-5</v>
      </c>
      <c r="F683" s="10">
        <v>6.2911699952615394E-5</v>
      </c>
      <c r="G683" s="8">
        <v>1.3192979876316899</v>
      </c>
      <c r="H683" s="8">
        <v>373863</v>
      </c>
      <c r="I683" s="8" t="s">
        <v>2078</v>
      </c>
      <c r="J683" s="11" t="s">
        <v>2079</v>
      </c>
      <c r="K683" s="8">
        <v>5</v>
      </c>
      <c r="L683" s="8">
        <v>140670794</v>
      </c>
      <c r="M683" s="8">
        <v>140673586</v>
      </c>
      <c r="N683" s="12">
        <v>-1</v>
      </c>
      <c r="T683" s="25"/>
      <c r="U683" s="25"/>
    </row>
    <row r="684" spans="1:21" ht="128.25" x14ac:dyDescent="0.2">
      <c r="A684" s="8" t="s">
        <v>2080</v>
      </c>
      <c r="B684" s="8">
        <v>-0.38175562025101201</v>
      </c>
      <c r="C684" s="8">
        <v>3.44741793258703</v>
      </c>
      <c r="D684" s="8">
        <v>-5.3026876547724902</v>
      </c>
      <c r="E684" s="9">
        <v>2.8149536094170701E-5</v>
      </c>
      <c r="F684" s="10">
        <v>6.5811721874963299E-5</v>
      </c>
      <c r="G684" s="8">
        <v>1.1850065361147499</v>
      </c>
      <c r="H684" s="8">
        <v>138716</v>
      </c>
      <c r="I684" s="8" t="s">
        <v>2081</v>
      </c>
      <c r="J684" s="11" t="s">
        <v>2082</v>
      </c>
      <c r="K684" s="8">
        <v>9</v>
      </c>
      <c r="L684" s="8">
        <v>34610486</v>
      </c>
      <c r="M684" s="8">
        <v>34612104</v>
      </c>
      <c r="N684" s="12">
        <v>-1</v>
      </c>
    </row>
    <row r="685" spans="1:21" ht="99.75" x14ac:dyDescent="0.2">
      <c r="A685" s="8" t="s">
        <v>2083</v>
      </c>
      <c r="B685" s="8">
        <v>0.23875228612247301</v>
      </c>
      <c r="C685" s="8">
        <v>5.9901860353260403</v>
      </c>
      <c r="D685" s="8">
        <v>5.2991228540917099</v>
      </c>
      <c r="E685" s="9">
        <v>2.8386947139373901E-5</v>
      </c>
      <c r="F685" s="10">
        <v>6.6358597667393201E-5</v>
      </c>
      <c r="G685" s="8">
        <v>0.617421390556252</v>
      </c>
      <c r="H685" s="8">
        <v>6204</v>
      </c>
      <c r="I685" s="8" t="s">
        <v>2084</v>
      </c>
      <c r="J685" s="11" t="s">
        <v>2085</v>
      </c>
      <c r="K685" s="8">
        <v>6</v>
      </c>
      <c r="L685" s="8">
        <v>34417454</v>
      </c>
      <c r="M685" s="8">
        <v>34426125</v>
      </c>
      <c r="N685" s="12">
        <v>-1</v>
      </c>
      <c r="T685" s="25"/>
      <c r="U685" s="25"/>
    </row>
    <row r="686" spans="1:21" ht="114" x14ac:dyDescent="0.2">
      <c r="A686" s="8" t="s">
        <v>2086</v>
      </c>
      <c r="B686" s="8">
        <v>0.306631767226754</v>
      </c>
      <c r="C686" s="8">
        <v>4.1890956614570696</v>
      </c>
      <c r="D686" s="8">
        <v>5.2842831796066996</v>
      </c>
      <c r="E686" s="9">
        <v>2.9397305300280601E-5</v>
      </c>
      <c r="F686" s="10">
        <v>6.8610584514011095E-5</v>
      </c>
      <c r="G686" s="8">
        <v>0.92627638683765001</v>
      </c>
      <c r="H686" s="8">
        <v>8559</v>
      </c>
      <c r="I686" s="8" t="s">
        <v>2087</v>
      </c>
      <c r="J686" s="11" t="s">
        <v>2088</v>
      </c>
      <c r="K686" s="8">
        <v>10</v>
      </c>
      <c r="L686" s="8">
        <v>13586927</v>
      </c>
      <c r="M686" s="8">
        <v>13630868</v>
      </c>
      <c r="N686" s="12">
        <v>1</v>
      </c>
      <c r="T686" s="25"/>
      <c r="U686" s="25"/>
    </row>
    <row r="687" spans="1:21" ht="128.25" x14ac:dyDescent="0.2">
      <c r="A687" s="8" t="s">
        <v>2089</v>
      </c>
      <c r="B687" s="8">
        <v>0.255383759195627</v>
      </c>
      <c r="C687" s="8">
        <v>7.7496178197548096</v>
      </c>
      <c r="D687" s="8">
        <v>5.2815055200660499</v>
      </c>
      <c r="E687" s="9">
        <v>2.9590441818630898E-5</v>
      </c>
      <c r="F687" s="10">
        <v>6.9052854696527097E-5</v>
      </c>
      <c r="G687" s="8">
        <v>0.44244205774103801</v>
      </c>
      <c r="H687" s="8">
        <v>55749</v>
      </c>
      <c r="I687" s="8" t="s">
        <v>2090</v>
      </c>
      <c r="J687" s="11" t="s">
        <v>2091</v>
      </c>
      <c r="K687" s="8">
        <v>10</v>
      </c>
      <c r="L687" s="8">
        <v>68721012</v>
      </c>
      <c r="M687" s="8">
        <v>68792377</v>
      </c>
      <c r="N687" s="12">
        <v>1</v>
      </c>
      <c r="T687" s="25"/>
      <c r="U687" s="25"/>
    </row>
    <row r="688" spans="1:21" ht="99.75" x14ac:dyDescent="0.2">
      <c r="A688" s="8" t="s">
        <v>2092</v>
      </c>
      <c r="B688" s="8">
        <v>0.223768846994297</v>
      </c>
      <c r="C688" s="8">
        <v>7.7726873756171804</v>
      </c>
      <c r="D688" s="8">
        <v>5.2805863451788699</v>
      </c>
      <c r="E688" s="9">
        <v>2.96546373087219E-5</v>
      </c>
      <c r="F688" s="10">
        <v>6.9177142250475293E-5</v>
      </c>
      <c r="G688" s="8">
        <v>0.439086782578121</v>
      </c>
      <c r="H688" s="8">
        <v>6207</v>
      </c>
      <c r="I688" s="8" t="s">
        <v>2093</v>
      </c>
      <c r="J688" s="11" t="s">
        <v>2094</v>
      </c>
      <c r="K688" s="8">
        <v>11</v>
      </c>
      <c r="L688" s="8">
        <v>17074389</v>
      </c>
      <c r="M688" s="8">
        <v>17077787</v>
      </c>
      <c r="N688" s="12">
        <v>-1</v>
      </c>
      <c r="T688" s="25"/>
      <c r="U688" s="25"/>
    </row>
    <row r="689" spans="1:21" ht="128.25" x14ac:dyDescent="0.2">
      <c r="A689" s="8" t="s">
        <v>2095</v>
      </c>
      <c r="B689" s="8">
        <v>0.18037020796661701</v>
      </c>
      <c r="C689" s="8">
        <v>6.7144650352132</v>
      </c>
      <c r="D689" s="8">
        <v>5.2794923742281297</v>
      </c>
      <c r="E689" s="9">
        <v>2.9731224953523799E-5</v>
      </c>
      <c r="F689" s="10">
        <v>6.9330235431681205E-5</v>
      </c>
      <c r="G689" s="8">
        <v>0.50211601338098999</v>
      </c>
      <c r="H689" s="8">
        <v>10131</v>
      </c>
      <c r="I689" s="8" t="s">
        <v>2096</v>
      </c>
      <c r="J689" s="11" t="s">
        <v>2097</v>
      </c>
      <c r="K689" s="8">
        <v>16</v>
      </c>
      <c r="L689" s="8">
        <v>3651639</v>
      </c>
      <c r="M689" s="8">
        <v>3717597</v>
      </c>
      <c r="N689" s="12">
        <v>-1</v>
      </c>
    </row>
    <row r="690" spans="1:21" ht="156.75" x14ac:dyDescent="0.2">
      <c r="A690" s="8" t="s">
        <v>2098</v>
      </c>
      <c r="B690" s="8">
        <v>0.29105837820495301</v>
      </c>
      <c r="C690" s="8">
        <v>5.1077019537991699</v>
      </c>
      <c r="D690" s="8">
        <v>5.2767988251178197</v>
      </c>
      <c r="E690" s="9">
        <v>2.9920654380349602E-5</v>
      </c>
      <c r="F690" s="10">
        <v>6.9712002231540202E-5</v>
      </c>
      <c r="G690" s="8">
        <v>0.70239365954544497</v>
      </c>
      <c r="H690" s="8">
        <v>55164</v>
      </c>
      <c r="I690" s="8" t="s">
        <v>2099</v>
      </c>
      <c r="J690" s="11" t="s">
        <v>2100</v>
      </c>
      <c r="K690" s="8">
        <v>3</v>
      </c>
      <c r="L690" s="8">
        <v>72749277</v>
      </c>
      <c r="M690" s="8">
        <v>72861914</v>
      </c>
      <c r="N690" s="12">
        <v>-1</v>
      </c>
      <c r="T690" s="25"/>
      <c r="U690" s="25"/>
    </row>
    <row r="691" spans="1:21" ht="199.5" x14ac:dyDescent="0.2">
      <c r="A691" s="8" t="s">
        <v>2101</v>
      </c>
      <c r="B691" s="8">
        <v>0.19968171462301301</v>
      </c>
      <c r="C691" s="8">
        <v>8.9104315815147501</v>
      </c>
      <c r="D691" s="8">
        <v>5.2642271452971201</v>
      </c>
      <c r="E691" s="9">
        <v>3.0821122690559998E-5</v>
      </c>
      <c r="F691" s="10">
        <v>7.1663702662086903E-5</v>
      </c>
      <c r="G691" s="8">
        <v>0.341597169768312</v>
      </c>
      <c r="H691" s="8">
        <v>7531</v>
      </c>
      <c r="I691" s="8" t="s">
        <v>2102</v>
      </c>
      <c r="J691" s="11" t="s">
        <v>2103</v>
      </c>
      <c r="K691" s="8">
        <v>17</v>
      </c>
      <c r="L691" s="8">
        <v>1344272</v>
      </c>
      <c r="M691" s="8">
        <v>1400378</v>
      </c>
      <c r="N691" s="12">
        <v>-1</v>
      </c>
      <c r="T691" s="25"/>
    </row>
    <row r="692" spans="1:21" ht="142.5" x14ac:dyDescent="0.2">
      <c r="A692" s="8" t="s">
        <v>2104</v>
      </c>
      <c r="B692" s="8">
        <v>0.284051215299367</v>
      </c>
      <c r="C692" s="8">
        <v>4.6297533971067004</v>
      </c>
      <c r="D692" s="8">
        <v>5.2529583474384296</v>
      </c>
      <c r="E692" s="9">
        <v>3.1651638181546799E-5</v>
      </c>
      <c r="F692" s="10">
        <v>7.3447436753633304E-5</v>
      </c>
      <c r="G692" s="8">
        <v>0.74611829816586095</v>
      </c>
      <c r="H692" s="8">
        <v>8220</v>
      </c>
      <c r="I692" s="8" t="s">
        <v>2105</v>
      </c>
      <c r="J692" s="11" t="s">
        <v>2106</v>
      </c>
      <c r="K692" s="8">
        <v>22</v>
      </c>
      <c r="L692" s="8">
        <v>19130279</v>
      </c>
      <c r="M692" s="8">
        <v>19144684</v>
      </c>
      <c r="N692" s="12">
        <v>-1</v>
      </c>
      <c r="T692" s="25"/>
      <c r="U692" s="25"/>
    </row>
    <row r="693" spans="1:21" ht="128.25" x14ac:dyDescent="0.2">
      <c r="A693" s="8" t="s">
        <v>2107</v>
      </c>
      <c r="B693" s="8">
        <v>0.185332718087107</v>
      </c>
      <c r="C693" s="8">
        <v>7.4802293013685803</v>
      </c>
      <c r="D693" s="8">
        <v>5.2474519185489399</v>
      </c>
      <c r="E693" s="9">
        <v>3.2065691452432602E-5</v>
      </c>
      <c r="F693" s="10">
        <v>7.4371868332047606E-5</v>
      </c>
      <c r="G693" s="8">
        <v>0.37670548474346999</v>
      </c>
      <c r="H693" s="8">
        <v>51747</v>
      </c>
      <c r="I693" s="8" t="s">
        <v>2108</v>
      </c>
      <c r="J693" s="11" t="s">
        <v>2109</v>
      </c>
      <c r="K693" s="8">
        <v>17</v>
      </c>
      <c r="L693" s="8">
        <v>50719544</v>
      </c>
      <c r="M693" s="8">
        <v>50756213</v>
      </c>
      <c r="N693" s="12">
        <v>1</v>
      </c>
      <c r="T693" s="25"/>
      <c r="U693" s="25"/>
    </row>
    <row r="694" spans="1:21" ht="85.5" x14ac:dyDescent="0.2">
      <c r="A694" s="8" t="s">
        <v>2110</v>
      </c>
      <c r="B694" s="8">
        <v>-0.18751203439839201</v>
      </c>
      <c r="C694" s="8">
        <v>8.2185797563088308</v>
      </c>
      <c r="D694" s="8">
        <v>-5.2357466345681196</v>
      </c>
      <c r="E694" s="9">
        <v>3.2964225262545303E-5</v>
      </c>
      <c r="F694" s="10">
        <v>7.6260161258968898E-5</v>
      </c>
      <c r="G694" s="8">
        <v>0.30936233223606802</v>
      </c>
      <c r="H694" s="8">
        <v>3148</v>
      </c>
      <c r="I694" s="8" t="s">
        <v>2111</v>
      </c>
      <c r="J694" s="11" t="s">
        <v>2112</v>
      </c>
      <c r="K694" s="8">
        <v>4</v>
      </c>
      <c r="L694" s="8">
        <v>173331695</v>
      </c>
      <c r="M694" s="8">
        <v>173335125</v>
      </c>
      <c r="N694" s="12">
        <v>-1</v>
      </c>
      <c r="T694" s="25"/>
      <c r="U694" s="25"/>
    </row>
    <row r="695" spans="1:21" ht="99.75" x14ac:dyDescent="0.2">
      <c r="A695" s="8" t="s">
        <v>2113</v>
      </c>
      <c r="B695" s="8">
        <v>0.27695268074523499</v>
      </c>
      <c r="C695" s="8">
        <v>6.9118875008835898</v>
      </c>
      <c r="D695" s="8">
        <v>5.2309499282226799</v>
      </c>
      <c r="E695" s="9">
        <v>3.3339778239521702E-5</v>
      </c>
      <c r="F695" s="10">
        <v>7.70819897236115E-5</v>
      </c>
      <c r="G695" s="8">
        <v>0.371737918632849</v>
      </c>
      <c r="H695" s="8">
        <v>6230</v>
      </c>
      <c r="I695" s="8" t="s">
        <v>2114</v>
      </c>
      <c r="J695" s="11" t="s">
        <v>2115</v>
      </c>
      <c r="K695" s="8">
        <v>11</v>
      </c>
      <c r="L695" s="8">
        <v>119015712</v>
      </c>
      <c r="M695" s="8">
        <v>119018691</v>
      </c>
      <c r="N695" s="12">
        <v>-1</v>
      </c>
      <c r="T695" s="25"/>
      <c r="U695" s="25"/>
    </row>
    <row r="696" spans="1:21" ht="142.5" x14ac:dyDescent="0.2">
      <c r="A696" s="8" t="s">
        <v>2116</v>
      </c>
      <c r="B696" s="8">
        <v>0.21294751648839</v>
      </c>
      <c r="C696" s="8">
        <v>5.7295936136952603</v>
      </c>
      <c r="D696" s="8">
        <v>5.2294666415266198</v>
      </c>
      <c r="E696" s="9">
        <v>3.3456787308744403E-5</v>
      </c>
      <c r="F696" s="10">
        <v>7.7314838377745006E-5</v>
      </c>
      <c r="G696" s="8">
        <v>0.48499972349050702</v>
      </c>
      <c r="H696" s="8">
        <v>57038</v>
      </c>
      <c r="I696" s="8" t="s">
        <v>2117</v>
      </c>
      <c r="J696" s="11" t="s">
        <v>2118</v>
      </c>
      <c r="K696" s="8">
        <v>6</v>
      </c>
      <c r="L696" s="8">
        <v>87514378</v>
      </c>
      <c r="M696" s="8">
        <v>87590003</v>
      </c>
      <c r="N696" s="12">
        <v>-1</v>
      </c>
      <c r="T696" s="25"/>
      <c r="U696" s="25"/>
    </row>
    <row r="697" spans="1:21" ht="128.25" x14ac:dyDescent="0.2">
      <c r="A697" s="8" t="s">
        <v>2119</v>
      </c>
      <c r="B697" s="8">
        <v>-0.32394282530461699</v>
      </c>
      <c r="C697" s="8">
        <v>3.94509078217897</v>
      </c>
      <c r="D697" s="8">
        <v>-5.22726991249076</v>
      </c>
      <c r="E697" s="9">
        <v>3.3630842359639102E-5</v>
      </c>
      <c r="F697" s="10">
        <v>7.7696723095559703E-5</v>
      </c>
      <c r="G697" s="8">
        <v>0.86967708374020902</v>
      </c>
      <c r="H697" s="8">
        <v>199221</v>
      </c>
      <c r="I697" s="8" t="s">
        <v>2120</v>
      </c>
      <c r="J697" s="11" t="s">
        <v>2121</v>
      </c>
      <c r="K697" s="8">
        <v>3</v>
      </c>
      <c r="L697" s="8">
        <v>138061990</v>
      </c>
      <c r="M697" s="8">
        <v>138115818</v>
      </c>
      <c r="N697" s="12">
        <v>-1</v>
      </c>
      <c r="T697" s="25"/>
      <c r="U697" s="25"/>
    </row>
    <row r="698" spans="1:21" ht="114" x14ac:dyDescent="0.2">
      <c r="A698" s="8" t="s">
        <v>2122</v>
      </c>
      <c r="B698" s="8">
        <v>0.19715261847170801</v>
      </c>
      <c r="C698" s="8">
        <v>6.5284059130251704</v>
      </c>
      <c r="D698" s="8">
        <v>5.22700937058619</v>
      </c>
      <c r="E698" s="9">
        <v>3.3651546932508303E-5</v>
      </c>
      <c r="F698" s="10">
        <v>7.7727045537756803E-5</v>
      </c>
      <c r="G698" s="8">
        <v>0.390773060204197</v>
      </c>
      <c r="H698" s="8" t="s">
        <v>2123</v>
      </c>
      <c r="I698" s="8" t="s">
        <v>2124</v>
      </c>
      <c r="J698" s="11" t="s">
        <v>2125</v>
      </c>
      <c r="K698" s="8">
        <v>17</v>
      </c>
      <c r="L698" s="8">
        <v>40140318</v>
      </c>
      <c r="M698" s="8">
        <v>40172183</v>
      </c>
      <c r="N698" s="12">
        <v>1</v>
      </c>
      <c r="T698" s="25"/>
      <c r="U698" s="25"/>
    </row>
    <row r="699" spans="1:21" ht="114" x14ac:dyDescent="0.2">
      <c r="A699" s="8" t="s">
        <v>2126</v>
      </c>
      <c r="B699" s="8">
        <v>0.29668312124567398</v>
      </c>
      <c r="C699" s="8">
        <v>4.3175182193908004</v>
      </c>
      <c r="D699" s="8">
        <v>5.22481991688361</v>
      </c>
      <c r="E699" s="9">
        <v>3.3826048871138003E-5</v>
      </c>
      <c r="F699" s="10">
        <v>7.8111089003113498E-5</v>
      </c>
      <c r="G699" s="8">
        <v>0.75238825183063096</v>
      </c>
      <c r="H699" s="8">
        <v>5813</v>
      </c>
      <c r="I699" s="8" t="s">
        <v>2127</v>
      </c>
      <c r="J699" s="11" t="s">
        <v>2128</v>
      </c>
      <c r="K699" s="8">
        <v>5</v>
      </c>
      <c r="L699" s="8">
        <v>140107777</v>
      </c>
      <c r="M699" s="8">
        <v>140125619</v>
      </c>
      <c r="N699" s="12">
        <v>1</v>
      </c>
      <c r="T699" s="25"/>
      <c r="U699" s="25"/>
    </row>
    <row r="700" spans="1:21" ht="99.75" x14ac:dyDescent="0.2">
      <c r="A700" s="8" t="s">
        <v>2129</v>
      </c>
      <c r="B700" s="8">
        <v>-0.28335820775519299</v>
      </c>
      <c r="C700" s="8">
        <v>4.6256818281261403</v>
      </c>
      <c r="D700" s="8">
        <v>-5.2102706542912198</v>
      </c>
      <c r="E700" s="9">
        <v>3.5009202749682701E-5</v>
      </c>
      <c r="F700" s="10">
        <v>8.0646958070008297E-5</v>
      </c>
      <c r="G700" s="8">
        <v>0.65867334129803401</v>
      </c>
      <c r="H700" s="8">
        <v>10360</v>
      </c>
      <c r="I700" s="8" t="s">
        <v>2130</v>
      </c>
      <c r="J700" s="11" t="s">
        <v>2131</v>
      </c>
      <c r="K700" s="8">
        <v>10</v>
      </c>
      <c r="L700" s="8">
        <v>101781325</v>
      </c>
      <c r="M700" s="8">
        <v>101783413</v>
      </c>
      <c r="N700" s="12">
        <v>-1</v>
      </c>
    </row>
    <row r="701" spans="1:21" ht="114" x14ac:dyDescent="0.2">
      <c r="A701" s="8" t="s">
        <v>2132</v>
      </c>
      <c r="B701" s="8">
        <v>0.20492172880353299</v>
      </c>
      <c r="C701" s="8">
        <v>6.1719514083214699</v>
      </c>
      <c r="D701" s="8">
        <v>5.2079080197418897</v>
      </c>
      <c r="E701" s="9">
        <v>3.5205259170257703E-5</v>
      </c>
      <c r="F701" s="10">
        <v>8.1078908164317903E-5</v>
      </c>
      <c r="G701" s="8">
        <v>0.37863446028067699</v>
      </c>
      <c r="H701" s="8">
        <v>51651</v>
      </c>
      <c r="I701" s="8" t="s">
        <v>2133</v>
      </c>
      <c r="J701" s="11" t="s">
        <v>2134</v>
      </c>
      <c r="K701" s="8">
        <v>17</v>
      </c>
      <c r="L701" s="8">
        <v>59674636</v>
      </c>
      <c r="M701" s="8">
        <v>59707626</v>
      </c>
      <c r="N701" s="12">
        <v>-1</v>
      </c>
      <c r="T701" s="25"/>
      <c r="U701" s="25"/>
    </row>
    <row r="702" spans="1:21" ht="85.5" x14ac:dyDescent="0.2">
      <c r="A702" s="8" t="s">
        <v>2135</v>
      </c>
      <c r="B702" s="8">
        <v>0.27713678624942201</v>
      </c>
      <c r="C702" s="8">
        <v>4.2152633857314799</v>
      </c>
      <c r="D702" s="8">
        <v>5.2062977910220596</v>
      </c>
      <c r="E702" s="9">
        <v>3.5339517323438903E-5</v>
      </c>
      <c r="F702" s="10">
        <v>8.13584884443649E-5</v>
      </c>
      <c r="G702" s="8">
        <v>0.73345673363667696</v>
      </c>
      <c r="H702" s="8">
        <v>2483</v>
      </c>
      <c r="I702" s="8" t="s">
        <v>2136</v>
      </c>
      <c r="J702" s="11" t="s">
        <v>2137</v>
      </c>
      <c r="K702" s="8">
        <v>4</v>
      </c>
      <c r="L702" s="8">
        <v>189940788</v>
      </c>
      <c r="M702" s="8">
        <v>189963204</v>
      </c>
      <c r="N702" s="12">
        <v>1</v>
      </c>
      <c r="T702" s="25"/>
      <c r="U702" s="25"/>
    </row>
    <row r="703" spans="1:21" ht="114" x14ac:dyDescent="0.2">
      <c r="A703" s="8" t="s">
        <v>2138</v>
      </c>
      <c r="B703" s="8">
        <v>0.24950919806749</v>
      </c>
      <c r="C703" s="8">
        <v>4.7858148910339198</v>
      </c>
      <c r="D703" s="8">
        <v>5.2006331575842797</v>
      </c>
      <c r="E703" s="9">
        <v>3.5815966621459201E-5</v>
      </c>
      <c r="F703" s="10">
        <v>8.2359018102817804E-5</v>
      </c>
      <c r="G703" s="8">
        <v>0.58651101108985204</v>
      </c>
      <c r="H703" s="8">
        <v>79631</v>
      </c>
      <c r="I703" s="8" t="s">
        <v>2139</v>
      </c>
      <c r="J703" s="11" t="s">
        <v>2140</v>
      </c>
      <c r="K703" s="8">
        <v>15</v>
      </c>
      <c r="L703" s="8">
        <v>82130230</v>
      </c>
      <c r="M703" s="8">
        <v>82262763</v>
      </c>
      <c r="N703" s="12">
        <v>-1</v>
      </c>
      <c r="T703" s="25"/>
    </row>
    <row r="704" spans="1:21" ht="114" x14ac:dyDescent="0.2">
      <c r="A704" s="8" t="s">
        <v>2141</v>
      </c>
      <c r="B704" s="8">
        <v>0.233549549238693</v>
      </c>
      <c r="C704" s="8">
        <v>6.0120287816439504</v>
      </c>
      <c r="D704" s="8">
        <v>5.1923078317817</v>
      </c>
      <c r="E704" s="9">
        <v>3.6528059689907998E-5</v>
      </c>
      <c r="F704" s="10">
        <v>8.3891200379448698E-5</v>
      </c>
      <c r="G704" s="8">
        <v>0.35905459269150503</v>
      </c>
      <c r="H704" s="8">
        <v>9337</v>
      </c>
      <c r="I704" s="8" t="s">
        <v>2142</v>
      </c>
      <c r="J704" s="11" t="s">
        <v>2143</v>
      </c>
      <c r="K704" s="8">
        <v>5</v>
      </c>
      <c r="L704" s="8">
        <v>154857553</v>
      </c>
      <c r="M704" s="8">
        <v>154876793</v>
      </c>
      <c r="N704" s="12">
        <v>1</v>
      </c>
      <c r="T704" s="25"/>
      <c r="U704" s="25"/>
    </row>
    <row r="705" spans="1:21" ht="128.25" x14ac:dyDescent="0.2">
      <c r="A705" s="8" t="s">
        <v>2144</v>
      </c>
      <c r="B705" s="8">
        <v>0.28825163214602001</v>
      </c>
      <c r="C705" s="8">
        <v>4.9393817240723399</v>
      </c>
      <c r="D705" s="8">
        <v>5.1898222313581099</v>
      </c>
      <c r="E705" s="9">
        <v>3.6743433012324799E-5</v>
      </c>
      <c r="F705" s="10">
        <v>8.4345001605768395E-5</v>
      </c>
      <c r="G705" s="8">
        <v>0.52766884886029397</v>
      </c>
      <c r="H705" s="8">
        <v>51759</v>
      </c>
      <c r="I705" s="8" t="s">
        <v>2145</v>
      </c>
      <c r="J705" s="11" t="s">
        <v>2146</v>
      </c>
      <c r="K705" s="8">
        <v>9</v>
      </c>
      <c r="L705" s="8">
        <v>129827290</v>
      </c>
      <c r="M705" s="8">
        <v>129835863</v>
      </c>
      <c r="N705" s="12">
        <v>-1</v>
      </c>
      <c r="T705" s="25"/>
      <c r="U705" s="25"/>
    </row>
    <row r="706" spans="1:21" ht="114" x14ac:dyDescent="0.2">
      <c r="A706" s="8" t="s">
        <v>2147</v>
      </c>
      <c r="B706" s="8">
        <v>0.25406081087490401</v>
      </c>
      <c r="C706" s="8">
        <v>5.3588775027251403</v>
      </c>
      <c r="D706" s="8">
        <v>5.1893367466561404</v>
      </c>
      <c r="E706" s="9">
        <v>3.6785649622550402E-5</v>
      </c>
      <c r="F706" s="10">
        <v>8.4431697252919605E-5</v>
      </c>
      <c r="G706" s="8">
        <v>0.44718594773491699</v>
      </c>
      <c r="H706" s="8">
        <v>57169</v>
      </c>
      <c r="I706" s="8" t="s">
        <v>2148</v>
      </c>
      <c r="J706" s="11" t="s">
        <v>2149</v>
      </c>
      <c r="K706" s="8">
        <v>20</v>
      </c>
      <c r="L706" s="8">
        <v>49237946</v>
      </c>
      <c r="M706" s="8">
        <v>49278426</v>
      </c>
      <c r="N706" s="12">
        <v>-1</v>
      </c>
    </row>
    <row r="707" spans="1:21" ht="114" x14ac:dyDescent="0.2">
      <c r="A707" s="8" t="s">
        <v>2150</v>
      </c>
      <c r="B707" s="8">
        <v>0.25149786663146401</v>
      </c>
      <c r="C707" s="8">
        <v>5.7413453345310597</v>
      </c>
      <c r="D707" s="8">
        <v>5.1892043932263796</v>
      </c>
      <c r="E707" s="9">
        <v>3.6797167298799597E-5</v>
      </c>
      <c r="F707" s="10">
        <v>8.4447919195709199E-5</v>
      </c>
      <c r="G707" s="8">
        <v>0.38649643663306699</v>
      </c>
      <c r="H707" s="8">
        <v>9129</v>
      </c>
      <c r="I707" s="8" t="s">
        <v>2151</v>
      </c>
      <c r="J707" s="11" t="s">
        <v>2152</v>
      </c>
      <c r="K707" s="8">
        <v>1</v>
      </c>
      <c r="L707" s="8">
        <v>150321476</v>
      </c>
      <c r="M707" s="8">
        <v>150353195</v>
      </c>
      <c r="N707" s="12">
        <v>1</v>
      </c>
      <c r="T707" s="25"/>
      <c r="U707" s="25"/>
    </row>
    <row r="708" spans="1:21" ht="128.25" x14ac:dyDescent="0.2">
      <c r="A708" s="8" t="s">
        <v>2153</v>
      </c>
      <c r="B708" s="8">
        <v>-0.185966241902664</v>
      </c>
      <c r="C708" s="8">
        <v>7.77351194838075</v>
      </c>
      <c r="D708" s="8">
        <v>-5.1551872675395796</v>
      </c>
      <c r="E708" s="9">
        <v>3.9882085140914401E-5</v>
      </c>
      <c r="F708" s="10">
        <v>9.11089839555956E-5</v>
      </c>
      <c r="G708" s="8">
        <v>0.14071182758144299</v>
      </c>
      <c r="H708" s="8">
        <v>1399</v>
      </c>
      <c r="I708" s="8" t="s">
        <v>2154</v>
      </c>
      <c r="J708" s="11" t="s">
        <v>2155</v>
      </c>
      <c r="K708" s="8">
        <v>22</v>
      </c>
      <c r="L708" s="8">
        <v>20917426</v>
      </c>
      <c r="M708" s="8">
        <v>20953749</v>
      </c>
      <c r="N708" s="12">
        <v>1</v>
      </c>
      <c r="T708" s="25"/>
      <c r="U708" s="25"/>
    </row>
    <row r="709" spans="1:21" ht="142.5" x14ac:dyDescent="0.2">
      <c r="A709" s="8" t="s">
        <v>2156</v>
      </c>
      <c r="B709" s="8">
        <v>0.22980661701636401</v>
      </c>
      <c r="C709" s="8">
        <v>5.4615842683640903</v>
      </c>
      <c r="D709" s="8">
        <v>5.1409147303107696</v>
      </c>
      <c r="E709" s="9">
        <v>4.1253348932611598E-5</v>
      </c>
      <c r="F709" s="10">
        <v>9.4026519660601697E-5</v>
      </c>
      <c r="G709" s="8">
        <v>0.31392782631275501</v>
      </c>
      <c r="H709" s="8">
        <v>56006</v>
      </c>
      <c r="I709" s="8" t="s">
        <v>2157</v>
      </c>
      <c r="J709" s="11" t="s">
        <v>2158</v>
      </c>
      <c r="K709" s="8">
        <v>19</v>
      </c>
      <c r="L709" s="8">
        <v>43727992</v>
      </c>
      <c r="M709" s="8">
        <v>43754990</v>
      </c>
      <c r="N709" s="12">
        <v>-1</v>
      </c>
      <c r="T709" s="25"/>
      <c r="U709" s="25"/>
    </row>
    <row r="710" spans="1:21" ht="128.25" x14ac:dyDescent="0.2">
      <c r="A710" s="8" t="s">
        <v>2159</v>
      </c>
      <c r="B710" s="8">
        <v>0.177927514568015</v>
      </c>
      <c r="C710" s="8">
        <v>9.1246455770806705</v>
      </c>
      <c r="D710" s="8">
        <v>5.11319396608756</v>
      </c>
      <c r="E710" s="9">
        <v>4.4054823709098301E-5</v>
      </c>
      <c r="F710" s="8">
        <v>1.00003395876502E-4</v>
      </c>
      <c r="G710" s="8">
        <v>-2.96995291985152E-2</v>
      </c>
      <c r="H710" s="8">
        <v>8661</v>
      </c>
      <c r="I710" s="8" t="s">
        <v>2160</v>
      </c>
      <c r="J710" s="11" t="s">
        <v>2161</v>
      </c>
      <c r="K710" s="8">
        <v>10</v>
      </c>
      <c r="L710" s="8">
        <v>119033670</v>
      </c>
      <c r="M710" s="8">
        <v>119080823</v>
      </c>
      <c r="N710" s="12">
        <v>-1</v>
      </c>
    </row>
    <row r="711" spans="1:21" ht="128.25" x14ac:dyDescent="0.2">
      <c r="A711" s="8" t="s">
        <v>2162</v>
      </c>
      <c r="B711" s="8">
        <v>0.182879137988923</v>
      </c>
      <c r="C711" s="8">
        <v>9.1437830379752505</v>
      </c>
      <c r="D711" s="8">
        <v>5.1037525972618702</v>
      </c>
      <c r="E711" s="9">
        <v>4.5052374993280902E-5</v>
      </c>
      <c r="F711" s="8">
        <v>1.0206027459084301E-4</v>
      </c>
      <c r="G711" s="8">
        <v>-5.3185513772874102E-2</v>
      </c>
      <c r="H711" s="8">
        <v>3183</v>
      </c>
      <c r="I711" s="8" t="s">
        <v>2163</v>
      </c>
      <c r="J711" s="11" t="s">
        <v>2164</v>
      </c>
      <c r="K711" s="8">
        <v>14</v>
      </c>
      <c r="L711" s="8">
        <v>21209136</v>
      </c>
      <c r="M711" s="8">
        <v>21269494</v>
      </c>
      <c r="N711" s="12">
        <v>-1</v>
      </c>
    </row>
    <row r="712" spans="1:21" ht="99.75" x14ac:dyDescent="0.2">
      <c r="A712" s="8" t="s">
        <v>2165</v>
      </c>
      <c r="B712" s="8">
        <v>0.24550241857736599</v>
      </c>
      <c r="C712" s="8">
        <v>5.1833777865563402</v>
      </c>
      <c r="D712" s="8">
        <v>5.0972093389098196</v>
      </c>
      <c r="E712" s="9">
        <v>4.5757120076775403E-5</v>
      </c>
      <c r="F712" s="8">
        <v>1.0360731030866999E-4</v>
      </c>
      <c r="G712" s="8">
        <v>0.25788689992451802</v>
      </c>
      <c r="H712" s="8">
        <v>60493</v>
      </c>
      <c r="I712" s="8" t="s">
        <v>2166</v>
      </c>
      <c r="J712" s="11" t="s">
        <v>2167</v>
      </c>
      <c r="K712" s="8">
        <v>20</v>
      </c>
      <c r="L712" s="8">
        <v>3146519</v>
      </c>
      <c r="M712" s="8">
        <v>3159897</v>
      </c>
      <c r="N712" s="12">
        <v>-1</v>
      </c>
      <c r="T712" s="25"/>
      <c r="U712" s="25"/>
    </row>
    <row r="713" spans="1:21" ht="128.25" x14ac:dyDescent="0.2">
      <c r="A713" s="8" t="s">
        <v>2168</v>
      </c>
      <c r="B713" s="8">
        <v>0.191351868425785</v>
      </c>
      <c r="C713" s="8">
        <v>7.5678310697286797</v>
      </c>
      <c r="D713" s="8">
        <v>5.0963652519633396</v>
      </c>
      <c r="E713" s="9">
        <v>4.5848842756192298E-5</v>
      </c>
      <c r="F713" s="8">
        <v>1.03753099091851E-4</v>
      </c>
      <c r="G713" s="8">
        <v>9.1357727207323994E-3</v>
      </c>
      <c r="H713" s="8">
        <v>3658</v>
      </c>
      <c r="I713" s="8" t="s">
        <v>2169</v>
      </c>
      <c r="J713" s="11" t="s">
        <v>2170</v>
      </c>
      <c r="K713" s="8">
        <v>15</v>
      </c>
      <c r="L713" s="8">
        <v>78437431</v>
      </c>
      <c r="M713" s="8">
        <v>78501456</v>
      </c>
      <c r="N713" s="12">
        <v>1</v>
      </c>
    </row>
    <row r="714" spans="1:21" ht="99.75" x14ac:dyDescent="0.2">
      <c r="A714" s="8" t="s">
        <v>2171</v>
      </c>
      <c r="B714" s="8">
        <v>0.209020462894415</v>
      </c>
      <c r="C714" s="8">
        <v>8.1714577029883397</v>
      </c>
      <c r="D714" s="8">
        <v>5.09548697451556</v>
      </c>
      <c r="E714" s="9">
        <v>4.5944478525319399E-5</v>
      </c>
      <c r="F714" s="8">
        <v>1.03919948626339E-4</v>
      </c>
      <c r="G714" s="8">
        <v>-2.66947494402263E-2</v>
      </c>
      <c r="H714" s="8">
        <v>6208</v>
      </c>
      <c r="I714" s="8" t="s">
        <v>2172</v>
      </c>
      <c r="J714" s="11" t="s">
        <v>2173</v>
      </c>
      <c r="K714" s="8">
        <v>5</v>
      </c>
      <c r="L714" s="8">
        <v>150443190</v>
      </c>
      <c r="M714" s="8">
        <v>150449756</v>
      </c>
      <c r="N714" s="12">
        <v>-1</v>
      </c>
      <c r="T714" s="25"/>
    </row>
    <row r="715" spans="1:21" ht="99.75" x14ac:dyDescent="0.2">
      <c r="A715" s="8" t="s">
        <v>2174</v>
      </c>
      <c r="B715" s="8">
        <v>0.29973624497346302</v>
      </c>
      <c r="C715" s="8">
        <v>5.1666428657920198</v>
      </c>
      <c r="D715" s="8">
        <v>5.0867870772207802</v>
      </c>
      <c r="E715" s="9">
        <v>4.6902798846949601E-5</v>
      </c>
      <c r="F715" s="8">
        <v>1.059612397284E-4</v>
      </c>
      <c r="G715" s="8">
        <v>0.23548407521218301</v>
      </c>
      <c r="H715" s="8">
        <v>55035</v>
      </c>
      <c r="I715" s="8" t="s">
        <v>2175</v>
      </c>
      <c r="J715" s="11" t="s">
        <v>2176</v>
      </c>
      <c r="K715" s="8">
        <v>9</v>
      </c>
      <c r="L715" s="8">
        <v>92297358</v>
      </c>
      <c r="M715" s="8">
        <v>92325636</v>
      </c>
      <c r="N715" s="12">
        <v>-1</v>
      </c>
      <c r="T715" s="25"/>
    </row>
    <row r="716" spans="1:21" ht="114" x14ac:dyDescent="0.2">
      <c r="A716" s="8" t="s">
        <v>2177</v>
      </c>
      <c r="B716" s="8">
        <v>0.15986927472114801</v>
      </c>
      <c r="C716" s="8">
        <v>8.8849835147419594</v>
      </c>
      <c r="D716" s="8">
        <v>5.07685029076774</v>
      </c>
      <c r="E716" s="9">
        <v>4.8022172547739201E-5</v>
      </c>
      <c r="F716" s="8">
        <v>1.08283836553998E-4</v>
      </c>
      <c r="G716" s="8">
        <v>-0.106685752777683</v>
      </c>
      <c r="H716" s="8">
        <v>23019</v>
      </c>
      <c r="I716" s="8" t="s">
        <v>2178</v>
      </c>
      <c r="J716" s="11" t="s">
        <v>2179</v>
      </c>
      <c r="K716" s="8">
        <v>16</v>
      </c>
      <c r="L716" s="8">
        <v>58519951</v>
      </c>
      <c r="M716" s="8">
        <v>58629886</v>
      </c>
      <c r="N716" s="12">
        <v>-1</v>
      </c>
      <c r="T716" s="25"/>
      <c r="U716" s="25"/>
    </row>
    <row r="717" spans="1:21" ht="114" x14ac:dyDescent="0.2">
      <c r="A717" s="8" t="s">
        <v>2180</v>
      </c>
      <c r="B717" s="8">
        <v>0.33973117983961099</v>
      </c>
      <c r="C717" s="8">
        <v>3.80871785584685</v>
      </c>
      <c r="D717" s="8">
        <v>5.0651026438817697</v>
      </c>
      <c r="E717" s="9">
        <v>4.9380510023753101E-5</v>
      </c>
      <c r="F717" s="8">
        <v>1.11174983832099E-4</v>
      </c>
      <c r="G717" s="8">
        <v>0.49846161489826302</v>
      </c>
      <c r="H717" s="8">
        <v>84060</v>
      </c>
      <c r="I717" s="8" t="s">
        <v>2181</v>
      </c>
      <c r="J717" s="11" t="s">
        <v>2182</v>
      </c>
      <c r="K717" s="8">
        <v>7</v>
      </c>
      <c r="L717" s="8">
        <v>92528773</v>
      </c>
      <c r="M717" s="8">
        <v>92538005</v>
      </c>
      <c r="N717" s="12">
        <v>1</v>
      </c>
    </row>
    <row r="718" spans="1:21" ht="142.5" x14ac:dyDescent="0.2">
      <c r="A718" s="8" t="s">
        <v>2183</v>
      </c>
      <c r="B718" s="8">
        <v>-0.243906927799904</v>
      </c>
      <c r="C718" s="8">
        <v>4.9536615897840299</v>
      </c>
      <c r="D718" s="8">
        <v>-5.0644659267284897</v>
      </c>
      <c r="E718" s="9">
        <v>4.94552334742131E-5</v>
      </c>
      <c r="F718" s="8">
        <v>1.11303601238157E-4</v>
      </c>
      <c r="G718" s="8">
        <v>0.235153895412539</v>
      </c>
      <c r="H718" s="8">
        <v>24138</v>
      </c>
      <c r="I718" s="8" t="s">
        <v>2184</v>
      </c>
      <c r="J718" s="11" t="s">
        <v>2185</v>
      </c>
      <c r="K718" s="8">
        <v>10</v>
      </c>
      <c r="L718" s="8">
        <v>89414586</v>
      </c>
      <c r="M718" s="8">
        <v>89421001</v>
      </c>
      <c r="N718" s="12">
        <v>1</v>
      </c>
      <c r="T718" s="25"/>
      <c r="U718" s="25"/>
    </row>
    <row r="719" spans="1:21" ht="99.75" x14ac:dyDescent="0.2">
      <c r="A719" s="8" t="s">
        <v>2186</v>
      </c>
      <c r="B719" s="8">
        <v>0.23829406985940799</v>
      </c>
      <c r="C719" s="8">
        <v>5.9577739131776699</v>
      </c>
      <c r="D719" s="8">
        <v>5.0596137599575801</v>
      </c>
      <c r="E719" s="9">
        <v>5.00284457562882E-5</v>
      </c>
      <c r="F719" s="8">
        <v>1.12526942647515E-4</v>
      </c>
      <c r="G719" s="8">
        <v>4.6937964255549899E-2</v>
      </c>
      <c r="H719" s="8">
        <v>57674</v>
      </c>
      <c r="I719" s="8" t="s">
        <v>2187</v>
      </c>
      <c r="J719" s="11" t="s">
        <v>2188</v>
      </c>
      <c r="K719" s="8">
        <v>17</v>
      </c>
      <c r="L719" s="8">
        <v>80260866</v>
      </c>
      <c r="M719" s="8">
        <v>80398786</v>
      </c>
      <c r="N719" s="12">
        <v>1</v>
      </c>
      <c r="T719" s="25"/>
      <c r="U719" s="25"/>
    </row>
    <row r="720" spans="1:21" ht="128.25" x14ac:dyDescent="0.2">
      <c r="A720" s="8" t="s">
        <v>2189</v>
      </c>
      <c r="B720" s="8">
        <v>0.198324899646278</v>
      </c>
      <c r="C720" s="8">
        <v>5.9828308970286104</v>
      </c>
      <c r="D720" s="8">
        <v>5.0588828998343098</v>
      </c>
      <c r="E720" s="9">
        <v>5.0115367391234003E-5</v>
      </c>
      <c r="F720" s="8">
        <v>1.1270909302956199E-4</v>
      </c>
      <c r="G720" s="8">
        <v>4.2420972961238597E-2</v>
      </c>
      <c r="H720" s="8">
        <v>29066</v>
      </c>
      <c r="I720" s="8" t="s">
        <v>2190</v>
      </c>
      <c r="J720" s="11" t="s">
        <v>2191</v>
      </c>
      <c r="K720" s="8">
        <v>16</v>
      </c>
      <c r="L720" s="8">
        <v>11750586</v>
      </c>
      <c r="M720" s="8">
        <v>11797267</v>
      </c>
      <c r="N720" s="12">
        <v>-1</v>
      </c>
    </row>
    <row r="721" spans="1:21" ht="128.25" x14ac:dyDescent="0.2">
      <c r="A721" s="8" t="s">
        <v>2192</v>
      </c>
      <c r="B721" s="8">
        <v>0.21241964778209901</v>
      </c>
      <c r="C721" s="8">
        <v>5.6075596506496099</v>
      </c>
      <c r="D721" s="8">
        <v>5.0584177741762897</v>
      </c>
      <c r="E721" s="9">
        <v>5.0170764694367197E-5</v>
      </c>
      <c r="F721" s="8">
        <v>1.12820310653514E-4</v>
      </c>
      <c r="G721" s="8">
        <v>9.2644945424211797E-2</v>
      </c>
      <c r="H721" s="8">
        <v>80135</v>
      </c>
      <c r="I721" s="8" t="s">
        <v>2193</v>
      </c>
      <c r="J721" s="11" t="s">
        <v>2194</v>
      </c>
      <c r="K721" s="8">
        <v>1</v>
      </c>
      <c r="L721" s="8">
        <v>84479259</v>
      </c>
      <c r="M721" s="8">
        <v>84497790</v>
      </c>
      <c r="N721" s="12">
        <v>1</v>
      </c>
      <c r="T721" s="25"/>
      <c r="U721" s="25"/>
    </row>
    <row r="722" spans="1:21" ht="99.75" x14ac:dyDescent="0.2">
      <c r="A722" s="8" t="s">
        <v>2195</v>
      </c>
      <c r="B722" s="8">
        <v>0.24811378456299901</v>
      </c>
      <c r="C722" s="8">
        <v>5.6034012843760799</v>
      </c>
      <c r="D722" s="8">
        <v>5.0410667852774704</v>
      </c>
      <c r="E722" s="9">
        <v>5.2282218504128201E-5</v>
      </c>
      <c r="F722" s="8">
        <v>1.1734590899501399E-4</v>
      </c>
      <c r="G722" s="8">
        <v>5.12120622822465E-2</v>
      </c>
      <c r="H722" s="8">
        <v>80349</v>
      </c>
      <c r="I722" s="8" t="s">
        <v>2196</v>
      </c>
      <c r="J722" s="11" t="s">
        <v>2197</v>
      </c>
      <c r="K722" s="8">
        <v>15</v>
      </c>
      <c r="L722" s="8">
        <v>78277835</v>
      </c>
      <c r="M722" s="8">
        <v>78299794</v>
      </c>
      <c r="N722" s="12">
        <v>-1</v>
      </c>
      <c r="T722" s="25"/>
      <c r="U722" s="25"/>
    </row>
    <row r="723" spans="1:21" ht="128.25" x14ac:dyDescent="0.2">
      <c r="A723" s="8" t="s">
        <v>2198</v>
      </c>
      <c r="B723" s="8">
        <v>0.28219805397414999</v>
      </c>
      <c r="C723" s="8">
        <v>4.5658256811117104</v>
      </c>
      <c r="D723" s="8">
        <v>5.0247598104359303</v>
      </c>
      <c r="E723" s="9">
        <v>5.4348617837333298E-5</v>
      </c>
      <c r="F723" s="8">
        <v>1.21558167727396E-4</v>
      </c>
      <c r="G723" s="8">
        <v>0.213106570084241</v>
      </c>
      <c r="H723" s="8">
        <v>79833</v>
      </c>
      <c r="I723" s="8" t="s">
        <v>2199</v>
      </c>
      <c r="J723" s="11" t="s">
        <v>2200</v>
      </c>
      <c r="K723" s="8">
        <v>2</v>
      </c>
      <c r="L723" s="8">
        <v>38751534</v>
      </c>
      <c r="M723" s="8">
        <v>38785000</v>
      </c>
      <c r="N723" s="12">
        <v>1</v>
      </c>
      <c r="T723" s="25"/>
      <c r="U723" s="25"/>
    </row>
    <row r="724" spans="1:21" ht="114" x14ac:dyDescent="0.2">
      <c r="A724" s="8" t="s">
        <v>2201</v>
      </c>
      <c r="B724" s="8">
        <v>0.17604559810925299</v>
      </c>
      <c r="C724" s="8">
        <v>6.6609336329580797</v>
      </c>
      <c r="D724" s="8">
        <v>5.0247405091588799</v>
      </c>
      <c r="E724" s="9">
        <v>5.43511120391504E-5</v>
      </c>
      <c r="F724" s="8">
        <v>1.21558167727396E-4</v>
      </c>
      <c r="G724" s="8">
        <v>-0.10522681656148999</v>
      </c>
      <c r="H724" s="8">
        <v>24148</v>
      </c>
      <c r="I724" s="8" t="s">
        <v>2202</v>
      </c>
      <c r="J724" s="11" t="s">
        <v>2203</v>
      </c>
      <c r="K724" s="8">
        <v>20</v>
      </c>
      <c r="L724" s="8">
        <v>63981135</v>
      </c>
      <c r="M724" s="8">
        <v>64033100</v>
      </c>
      <c r="N724" s="12">
        <v>1</v>
      </c>
      <c r="T724" s="25"/>
    </row>
    <row r="725" spans="1:21" ht="114" x14ac:dyDescent="0.2">
      <c r="A725" s="8" t="s">
        <v>2204</v>
      </c>
      <c r="B725" s="8">
        <v>0.23598833985585699</v>
      </c>
      <c r="C725" s="8">
        <v>6.4282145930769303</v>
      </c>
      <c r="D725" s="8">
        <v>5.0197387732204604</v>
      </c>
      <c r="E725" s="9">
        <v>5.5001381533097397E-5</v>
      </c>
      <c r="F725" s="8">
        <v>1.2296904068727501E-4</v>
      </c>
      <c r="G725" s="8">
        <v>-9.8597809040954901E-2</v>
      </c>
      <c r="H725" s="8" t="s">
        <v>2205</v>
      </c>
      <c r="I725" s="8" t="s">
        <v>2206</v>
      </c>
      <c r="J725" s="11" t="s">
        <v>2207</v>
      </c>
      <c r="K725" s="8">
        <v>22</v>
      </c>
      <c r="L725" s="8">
        <v>20080232</v>
      </c>
      <c r="M725" s="8">
        <v>20111877</v>
      </c>
      <c r="N725" s="12">
        <v>1</v>
      </c>
      <c r="T725" s="25"/>
      <c r="U725" s="25"/>
    </row>
    <row r="726" spans="1:21" ht="85.5" x14ac:dyDescent="0.2">
      <c r="A726" s="8" t="s">
        <v>2208</v>
      </c>
      <c r="B726" s="8">
        <v>0.193406889569046</v>
      </c>
      <c r="C726" s="8">
        <v>6.9129484137724804</v>
      </c>
      <c r="D726" s="8">
        <v>5.0184642598588196</v>
      </c>
      <c r="E726" s="9">
        <v>5.5168334912827402E-5</v>
      </c>
      <c r="F726" s="8">
        <v>1.2331324989879001E-4</v>
      </c>
      <c r="G726" s="8">
        <v>-0.13816959573564</v>
      </c>
      <c r="H726" s="8">
        <v>5393</v>
      </c>
      <c r="I726" s="8" t="s">
        <v>2209</v>
      </c>
      <c r="J726" s="11" t="s">
        <v>2210</v>
      </c>
      <c r="K726" s="8">
        <v>4</v>
      </c>
      <c r="L726" s="8">
        <v>121801317</v>
      </c>
      <c r="M726" s="8">
        <v>121817021</v>
      </c>
      <c r="N726" s="12">
        <v>1</v>
      </c>
      <c r="T726" s="25"/>
      <c r="U726" s="25"/>
    </row>
    <row r="727" spans="1:21" ht="213.75" x14ac:dyDescent="0.2">
      <c r="A727" s="8" t="s">
        <v>2211</v>
      </c>
      <c r="B727" s="8">
        <v>0.293434219096251</v>
      </c>
      <c r="C727" s="8">
        <v>5.2022828805411097</v>
      </c>
      <c r="D727" s="8">
        <v>5.0159225696484597</v>
      </c>
      <c r="E727" s="9">
        <v>5.5502813876576002E-5</v>
      </c>
      <c r="F727" s="8">
        <v>1.2400246043510501E-4</v>
      </c>
      <c r="G727" s="8">
        <v>5.84270994804292E-2</v>
      </c>
      <c r="H727" s="8">
        <v>9136</v>
      </c>
      <c r="I727" s="8" t="s">
        <v>2212</v>
      </c>
      <c r="J727" s="11" t="s">
        <v>2213</v>
      </c>
      <c r="K727" s="8">
        <v>3</v>
      </c>
      <c r="L727" s="8">
        <v>51933430</v>
      </c>
      <c r="M727" s="8">
        <v>51941941</v>
      </c>
      <c r="N727" s="12">
        <v>-1</v>
      </c>
      <c r="T727" s="25"/>
    </row>
    <row r="728" spans="1:21" ht="99.75" x14ac:dyDescent="0.2">
      <c r="A728" s="8" t="s">
        <v>2214</v>
      </c>
      <c r="B728" s="8">
        <v>-0.445519203416816</v>
      </c>
      <c r="C728" s="8">
        <v>2.6139989329140398</v>
      </c>
      <c r="D728" s="8">
        <v>-5.0099215977897904</v>
      </c>
      <c r="E728" s="9">
        <v>5.6300692213788201E-5</v>
      </c>
      <c r="F728" s="8">
        <v>1.2569975780053001E-4</v>
      </c>
      <c r="G728" s="8">
        <v>0.71665054186689603</v>
      </c>
      <c r="H728" s="8">
        <v>120379</v>
      </c>
      <c r="I728" s="8" t="s">
        <v>2215</v>
      </c>
      <c r="J728" s="11" t="s">
        <v>2216</v>
      </c>
      <c r="K728" s="8">
        <v>11</v>
      </c>
      <c r="L728" s="8">
        <v>112064010</v>
      </c>
      <c r="M728" s="8">
        <v>112074274</v>
      </c>
      <c r="N728" s="12">
        <v>-1</v>
      </c>
      <c r="T728" s="25"/>
    </row>
    <row r="729" spans="1:21" ht="114" x14ac:dyDescent="0.2">
      <c r="A729" s="8" t="s">
        <v>2217</v>
      </c>
      <c r="B729" s="8">
        <v>-0.16965237332252101</v>
      </c>
      <c r="C729" s="8">
        <v>8.6068427968864807</v>
      </c>
      <c r="D729" s="8">
        <v>-5.0096296966978899</v>
      </c>
      <c r="E729" s="9">
        <v>5.6339797626968398E-5</v>
      </c>
      <c r="F729" s="8">
        <v>1.2576877303458199E-4</v>
      </c>
      <c r="G729" s="8">
        <v>-0.25377251465185302</v>
      </c>
      <c r="H729" s="8">
        <v>1975</v>
      </c>
      <c r="I729" s="8" t="s">
        <v>2218</v>
      </c>
      <c r="J729" s="11" t="s">
        <v>2219</v>
      </c>
      <c r="K729" s="8">
        <v>12</v>
      </c>
      <c r="L729" s="8">
        <v>53006158</v>
      </c>
      <c r="M729" s="8">
        <v>53042209</v>
      </c>
      <c r="N729" s="12">
        <v>1</v>
      </c>
      <c r="T729" s="25"/>
    </row>
    <row r="730" spans="1:21" ht="99.75" x14ac:dyDescent="0.2">
      <c r="A730" s="8" t="s">
        <v>2220</v>
      </c>
      <c r="B730" s="8">
        <v>0.205658498190633</v>
      </c>
      <c r="C730" s="8">
        <v>8.6603330400840406</v>
      </c>
      <c r="D730" s="8">
        <v>4.9975288659161103</v>
      </c>
      <c r="E730" s="9">
        <v>5.7985347805678099E-5</v>
      </c>
      <c r="F730" s="8">
        <v>1.29219228894678E-4</v>
      </c>
      <c r="G730" s="8">
        <v>-0.28727187495284301</v>
      </c>
      <c r="H730" s="8">
        <v>6228</v>
      </c>
      <c r="I730" s="8" t="s">
        <v>2221</v>
      </c>
      <c r="J730" s="11" t="s">
        <v>2222</v>
      </c>
      <c r="K730" s="8">
        <v>5</v>
      </c>
      <c r="L730" s="8">
        <v>82273358</v>
      </c>
      <c r="M730" s="8">
        <v>82278577</v>
      </c>
      <c r="N730" s="12">
        <v>-1</v>
      </c>
    </row>
    <row r="731" spans="1:21" ht="142.5" x14ac:dyDescent="0.2">
      <c r="A731" s="8" t="s">
        <v>2223</v>
      </c>
      <c r="B731" s="8">
        <v>0.17247891609524699</v>
      </c>
      <c r="C731" s="8">
        <v>6.5486280417435703</v>
      </c>
      <c r="D731" s="8">
        <v>4.9880501033220996</v>
      </c>
      <c r="E731" s="9">
        <v>5.9308243713884098E-5</v>
      </c>
      <c r="F731" s="8">
        <v>1.3200710074576301E-4</v>
      </c>
      <c r="G731" s="8">
        <v>-0.18475852152431399</v>
      </c>
      <c r="H731" s="8">
        <v>79869</v>
      </c>
      <c r="I731" s="8" t="s">
        <v>2224</v>
      </c>
      <c r="J731" s="11" t="s">
        <v>2225</v>
      </c>
      <c r="K731" s="8">
        <v>11</v>
      </c>
      <c r="L731" s="8">
        <v>61402641</v>
      </c>
      <c r="M731" s="8">
        <v>61430031</v>
      </c>
      <c r="N731" s="12">
        <v>-1</v>
      </c>
      <c r="T731" s="25"/>
      <c r="U731" s="25"/>
    </row>
    <row r="732" spans="1:21" ht="142.5" x14ac:dyDescent="0.2">
      <c r="A732" s="8" t="s">
        <v>2226</v>
      </c>
      <c r="B732" s="8">
        <v>0.15933379454558699</v>
      </c>
      <c r="C732" s="8">
        <v>8.6284631140361991</v>
      </c>
      <c r="D732" s="8">
        <v>4.9847316602429199</v>
      </c>
      <c r="E732" s="9">
        <v>5.9778562896542199E-5</v>
      </c>
      <c r="F732" s="8">
        <v>1.3294477769690399E-4</v>
      </c>
      <c r="G732" s="8">
        <v>-0.31635582060205403</v>
      </c>
      <c r="H732" s="8">
        <v>23020</v>
      </c>
      <c r="I732" s="8" t="s">
        <v>2227</v>
      </c>
      <c r="J732" s="11" t="s">
        <v>2228</v>
      </c>
      <c r="K732" s="8">
        <v>2</v>
      </c>
      <c r="L732" s="8">
        <v>96274336</v>
      </c>
      <c r="M732" s="8">
        <v>96305515</v>
      </c>
      <c r="N732" s="12">
        <v>-1</v>
      </c>
    </row>
    <row r="733" spans="1:21" ht="99.75" x14ac:dyDescent="0.2">
      <c r="A733" s="8" t="s">
        <v>2229</v>
      </c>
      <c r="B733" s="8">
        <v>0.29102820186107498</v>
      </c>
      <c r="C733" s="8">
        <v>4.0108270546266898</v>
      </c>
      <c r="D733" s="8">
        <v>4.9822964459208796</v>
      </c>
      <c r="E733" s="9">
        <v>6.0126102426085198E-5</v>
      </c>
      <c r="F733" s="8">
        <v>1.33655036399182E-4</v>
      </c>
      <c r="G733" s="8">
        <v>0.24727660405101801</v>
      </c>
      <c r="H733" s="8">
        <v>196513</v>
      </c>
      <c r="I733" s="8" t="s">
        <v>2230</v>
      </c>
      <c r="J733" s="11" t="s">
        <v>2231</v>
      </c>
      <c r="K733" s="8">
        <v>12</v>
      </c>
      <c r="L733" s="8">
        <v>1946054</v>
      </c>
      <c r="M733" s="8">
        <v>2004535</v>
      </c>
      <c r="N733" s="12">
        <v>-1</v>
      </c>
      <c r="T733" s="25"/>
    </row>
    <row r="734" spans="1:21" ht="142.5" x14ac:dyDescent="0.2">
      <c r="A734" s="8" t="s">
        <v>2232</v>
      </c>
      <c r="B734" s="8">
        <v>0.20490566940795801</v>
      </c>
      <c r="C734" s="8">
        <v>5.9366227781412197</v>
      </c>
      <c r="D734" s="8">
        <v>4.9761887148213404</v>
      </c>
      <c r="E734" s="9">
        <v>6.1006783287795497E-5</v>
      </c>
      <c r="F734" s="8">
        <v>1.35469895442604E-4</v>
      </c>
      <c r="G734" s="8">
        <v>-0.150909850423011</v>
      </c>
      <c r="H734" s="8">
        <v>23395</v>
      </c>
      <c r="I734" s="8" t="s">
        <v>2233</v>
      </c>
      <c r="J734" s="11" t="s">
        <v>2234</v>
      </c>
      <c r="K734" s="8">
        <v>3</v>
      </c>
      <c r="L734" s="8">
        <v>45388506</v>
      </c>
      <c r="M734" s="8">
        <v>45549421</v>
      </c>
      <c r="N734" s="12">
        <v>1</v>
      </c>
    </row>
    <row r="735" spans="1:21" ht="114" x14ac:dyDescent="0.2">
      <c r="A735" s="8" t="s">
        <v>2235</v>
      </c>
      <c r="B735" s="8">
        <v>0.26358825019607002</v>
      </c>
      <c r="C735" s="8">
        <v>4.7321309375329603</v>
      </c>
      <c r="D735" s="8">
        <v>4.9680386680333104</v>
      </c>
      <c r="E735" s="9">
        <v>6.2202311657876303E-5</v>
      </c>
      <c r="F735" s="8">
        <v>1.3797934171028901E-4</v>
      </c>
      <c r="G735" s="8">
        <v>3.9191680898067502E-2</v>
      </c>
      <c r="H735" s="8">
        <v>4850</v>
      </c>
      <c r="I735" s="8" t="s">
        <v>2236</v>
      </c>
      <c r="J735" s="11" t="s">
        <v>2237</v>
      </c>
      <c r="K735" s="8">
        <v>7</v>
      </c>
      <c r="L735" s="8">
        <v>135361795</v>
      </c>
      <c r="M735" s="8">
        <v>135510127</v>
      </c>
      <c r="N735" s="12">
        <v>-1</v>
      </c>
      <c r="T735" s="25"/>
      <c r="U735" s="25"/>
    </row>
    <row r="736" spans="1:21" ht="114" x14ac:dyDescent="0.2">
      <c r="A736" s="8" t="s">
        <v>2238</v>
      </c>
      <c r="B736" s="8">
        <v>-0.26303740282823501</v>
      </c>
      <c r="C736" s="8">
        <v>4.4181205137554498</v>
      </c>
      <c r="D736" s="8">
        <v>-4.9542313199176196</v>
      </c>
      <c r="E736" s="9">
        <v>6.4282057984947903E-5</v>
      </c>
      <c r="F736" s="8">
        <v>1.4235974027078499E-4</v>
      </c>
      <c r="G736" s="8">
        <v>9.2071332600196995E-2</v>
      </c>
      <c r="H736" s="8">
        <v>51642</v>
      </c>
      <c r="I736" s="8" t="s">
        <v>2239</v>
      </c>
      <c r="J736" s="11" t="s">
        <v>2240</v>
      </c>
      <c r="K736" s="8">
        <v>11</v>
      </c>
      <c r="L736" s="8">
        <v>73787316</v>
      </c>
      <c r="M736" s="8">
        <v>73865133</v>
      </c>
      <c r="N736" s="12">
        <v>1</v>
      </c>
      <c r="T736" s="25"/>
    </row>
    <row r="737" spans="1:21" ht="156.75" x14ac:dyDescent="0.2">
      <c r="A737" s="8" t="s">
        <v>2241</v>
      </c>
      <c r="B737" s="8">
        <v>0.25114410982121299</v>
      </c>
      <c r="C737" s="8">
        <v>5.0008222985803901</v>
      </c>
      <c r="D737" s="8">
        <v>4.9485208696538798</v>
      </c>
      <c r="E737" s="9">
        <v>6.51626326195638E-5</v>
      </c>
      <c r="F737" s="8">
        <v>1.4415846108900199E-4</v>
      </c>
      <c r="G737" s="8">
        <v>-6.4260806745506799E-2</v>
      </c>
      <c r="H737" s="8">
        <v>55110</v>
      </c>
      <c r="I737" s="8" t="s">
        <v>2242</v>
      </c>
      <c r="J737" s="11" t="s">
        <v>2243</v>
      </c>
      <c r="K737" s="8">
        <v>12</v>
      </c>
      <c r="L737" s="8">
        <v>10604190</v>
      </c>
      <c r="M737" s="8">
        <v>10613623</v>
      </c>
      <c r="N737" s="12">
        <v>-1</v>
      </c>
    </row>
    <row r="738" spans="1:21" ht="114" x14ac:dyDescent="0.2">
      <c r="A738" s="8" t="s">
        <v>2244</v>
      </c>
      <c r="B738" s="8">
        <v>0.23603556268390699</v>
      </c>
      <c r="C738" s="8">
        <v>6.9814397699971797</v>
      </c>
      <c r="D738" s="8">
        <v>4.9303384494013303</v>
      </c>
      <c r="E738" s="9">
        <v>6.8048541135147904E-5</v>
      </c>
      <c r="F738" s="8">
        <v>1.5015780989787201E-4</v>
      </c>
      <c r="G738" s="8">
        <v>-0.355058005466725</v>
      </c>
      <c r="H738" s="8">
        <v>11222</v>
      </c>
      <c r="I738" s="8" t="s">
        <v>2245</v>
      </c>
      <c r="J738" s="11" t="s">
        <v>2246</v>
      </c>
      <c r="K738" s="8">
        <v>3</v>
      </c>
      <c r="L738" s="8">
        <v>131462212</v>
      </c>
      <c r="M738" s="8">
        <v>131502983</v>
      </c>
      <c r="N738" s="12">
        <v>-1</v>
      </c>
    </row>
    <row r="739" spans="1:21" ht="142.5" x14ac:dyDescent="0.2">
      <c r="A739" s="8" t="s">
        <v>2247</v>
      </c>
      <c r="B739" s="8">
        <v>0.241934460154659</v>
      </c>
      <c r="C739" s="8">
        <v>5.7520072254209103</v>
      </c>
      <c r="D739" s="8">
        <v>4.92950439311696</v>
      </c>
      <c r="E739" s="9">
        <v>6.8183980363345498E-5</v>
      </c>
      <c r="F739" s="8">
        <v>1.50404207294572E-4</v>
      </c>
      <c r="G739" s="8">
        <v>-0.23922508073865401</v>
      </c>
      <c r="H739" s="8">
        <v>23398</v>
      </c>
      <c r="I739" s="8" t="s">
        <v>2248</v>
      </c>
      <c r="J739" s="11" t="s">
        <v>2249</v>
      </c>
      <c r="K739" s="8">
        <v>5</v>
      </c>
      <c r="L739" s="8">
        <v>65563236</v>
      </c>
      <c r="M739" s="8">
        <v>65587549</v>
      </c>
      <c r="N739" s="12">
        <v>1</v>
      </c>
      <c r="T739" s="25"/>
      <c r="U739" s="25"/>
    </row>
    <row r="740" spans="1:21" ht="99.75" x14ac:dyDescent="0.2">
      <c r="A740" s="8" t="s">
        <v>2250</v>
      </c>
      <c r="B740" s="8">
        <v>0.32109057866184898</v>
      </c>
      <c r="C740" s="8">
        <v>3.7385979607834701</v>
      </c>
      <c r="D740" s="8">
        <v>4.9210262314783302</v>
      </c>
      <c r="E740" s="9">
        <v>6.9576280151521298E-5</v>
      </c>
      <c r="F740" s="8">
        <v>1.5332037491746199E-4</v>
      </c>
      <c r="G740" s="8">
        <v>0.17076406831101701</v>
      </c>
      <c r="H740" s="8">
        <v>7737</v>
      </c>
      <c r="I740" s="8" t="s">
        <v>2251</v>
      </c>
      <c r="J740" s="11" t="s">
        <v>2252</v>
      </c>
      <c r="K740" s="8" t="s">
        <v>108</v>
      </c>
      <c r="L740" s="8">
        <v>119870475</v>
      </c>
      <c r="M740" s="8">
        <v>119871827</v>
      </c>
      <c r="N740" s="12">
        <v>-1</v>
      </c>
      <c r="T740" s="25"/>
      <c r="U740" s="25"/>
    </row>
    <row r="741" spans="1:21" ht="128.25" x14ac:dyDescent="0.2">
      <c r="A741" s="8" t="s">
        <v>2253</v>
      </c>
      <c r="B741" s="8">
        <v>-0.23955621840737401</v>
      </c>
      <c r="C741" s="8">
        <v>5.3413174940851098</v>
      </c>
      <c r="D741" s="8">
        <v>-4.9209628689440903</v>
      </c>
      <c r="E741" s="9">
        <v>6.9586793166418105E-5</v>
      </c>
      <c r="F741" s="8">
        <v>1.53320396368178E-4</v>
      </c>
      <c r="G741" s="8">
        <v>-0.18558820321549899</v>
      </c>
      <c r="H741" s="8">
        <v>55172</v>
      </c>
      <c r="I741" s="8" t="s">
        <v>2254</v>
      </c>
      <c r="J741" s="11" t="s">
        <v>2255</v>
      </c>
      <c r="K741" s="8">
        <v>14</v>
      </c>
      <c r="L741" s="8">
        <v>49625174</v>
      </c>
      <c r="M741" s="8">
        <v>49635230</v>
      </c>
      <c r="N741" s="12">
        <v>-1</v>
      </c>
      <c r="T741" s="25"/>
    </row>
    <row r="742" spans="1:21" ht="114" x14ac:dyDescent="0.2">
      <c r="A742" s="8" t="s">
        <v>2256</v>
      </c>
      <c r="B742" s="8">
        <v>0.21131908251568199</v>
      </c>
      <c r="C742" s="8">
        <v>5.6517123684217196</v>
      </c>
      <c r="D742" s="8">
        <v>4.91591276438416</v>
      </c>
      <c r="E742" s="9">
        <v>7.0429884644420895E-5</v>
      </c>
      <c r="F742" s="8">
        <v>1.55033977600879E-4</v>
      </c>
      <c r="G742" s="8">
        <v>-0.25704461403518097</v>
      </c>
      <c r="H742" s="8">
        <v>6730</v>
      </c>
      <c r="I742" s="8" t="s">
        <v>2257</v>
      </c>
      <c r="J742" s="11" t="s">
        <v>2258</v>
      </c>
      <c r="K742" s="8">
        <v>17</v>
      </c>
      <c r="L742" s="8">
        <v>76038775</v>
      </c>
      <c r="M742" s="8">
        <v>76072653</v>
      </c>
      <c r="N742" s="12">
        <v>-1</v>
      </c>
      <c r="T742" s="25"/>
      <c r="U742" s="25"/>
    </row>
    <row r="743" spans="1:21" ht="142.5" x14ac:dyDescent="0.2">
      <c r="A743" s="8" t="s">
        <v>2259</v>
      </c>
      <c r="B743" s="8">
        <v>-0.217769979273577</v>
      </c>
      <c r="C743" s="8">
        <v>6.9371098096561097</v>
      </c>
      <c r="D743" s="8">
        <v>-4.9075921594490799</v>
      </c>
      <c r="E743" s="9">
        <v>7.1841556702475099E-5</v>
      </c>
      <c r="F743" s="8">
        <v>1.57811925169912E-4</v>
      </c>
      <c r="G743" s="8">
        <v>-0.40390955937754602</v>
      </c>
      <c r="H743" s="8">
        <v>6625</v>
      </c>
      <c r="I743" s="8" t="s">
        <v>2260</v>
      </c>
      <c r="J743" s="11" t="s">
        <v>2261</v>
      </c>
      <c r="K743" s="8">
        <v>19</v>
      </c>
      <c r="L743" s="8">
        <v>49085419</v>
      </c>
      <c r="M743" s="8">
        <v>49108605</v>
      </c>
      <c r="N743" s="12">
        <v>1</v>
      </c>
      <c r="T743" s="25"/>
    </row>
    <row r="744" spans="1:21" ht="114" x14ac:dyDescent="0.2">
      <c r="A744" s="8" t="s">
        <v>2262</v>
      </c>
      <c r="B744" s="8">
        <v>0.24455972296208101</v>
      </c>
      <c r="C744" s="8">
        <v>6.4312720015019798</v>
      </c>
      <c r="D744" s="8">
        <v>4.9063626270464704</v>
      </c>
      <c r="E744" s="9">
        <v>7.2052570997800306E-5</v>
      </c>
      <c r="F744" s="8">
        <v>1.5823881956084399E-4</v>
      </c>
      <c r="G744" s="8">
        <v>-0.37193607980527899</v>
      </c>
      <c r="H744" s="8">
        <v>8602</v>
      </c>
      <c r="I744" s="8" t="s">
        <v>2263</v>
      </c>
      <c r="J744" s="11" t="s">
        <v>2264</v>
      </c>
      <c r="K744" s="8">
        <v>4</v>
      </c>
      <c r="L744" s="8">
        <v>2937933</v>
      </c>
      <c r="M744" s="8">
        <v>2963385</v>
      </c>
      <c r="N744" s="12">
        <v>-1</v>
      </c>
    </row>
    <row r="745" spans="1:21" ht="128.25" x14ac:dyDescent="0.2">
      <c r="A745" s="8" t="s">
        <v>2265</v>
      </c>
      <c r="B745" s="8">
        <v>-0.247828756726543</v>
      </c>
      <c r="C745" s="8">
        <v>5.3817591337824302</v>
      </c>
      <c r="D745" s="8">
        <v>-4.8875517639273003</v>
      </c>
      <c r="E745" s="9">
        <v>7.53601585945451E-5</v>
      </c>
      <c r="F745" s="8">
        <v>1.6510156195436199E-4</v>
      </c>
      <c r="G745" s="8">
        <v>-0.27297265835640899</v>
      </c>
      <c r="H745" s="8" t="s">
        <v>2266</v>
      </c>
      <c r="I745" s="8" t="s">
        <v>2267</v>
      </c>
      <c r="J745" s="11" t="s">
        <v>2268</v>
      </c>
      <c r="K745" s="8">
        <v>7</v>
      </c>
      <c r="L745" s="8">
        <v>100867138</v>
      </c>
      <c r="M745" s="8">
        <v>100873454</v>
      </c>
      <c r="N745" s="12">
        <v>1</v>
      </c>
      <c r="T745" s="25"/>
      <c r="U745" s="25"/>
    </row>
    <row r="746" spans="1:21" ht="142.5" x14ac:dyDescent="0.2">
      <c r="A746" s="8" t="s">
        <v>2269</v>
      </c>
      <c r="B746" s="8">
        <v>0.35282713940925697</v>
      </c>
      <c r="C746" s="8">
        <v>7.5057298671351198</v>
      </c>
      <c r="D746" s="8">
        <v>4.8865122674797297</v>
      </c>
      <c r="E746" s="9">
        <v>7.5547348985840999E-5</v>
      </c>
      <c r="F746" s="8">
        <v>1.6547345818378401E-4</v>
      </c>
      <c r="G746" s="8">
        <v>-0.49317043091017798</v>
      </c>
      <c r="H746" s="8">
        <v>27340</v>
      </c>
      <c r="I746" s="8" t="s">
        <v>2270</v>
      </c>
      <c r="J746" s="11" t="s">
        <v>2271</v>
      </c>
      <c r="K746" s="8">
        <v>12</v>
      </c>
      <c r="L746" s="8">
        <v>101280109</v>
      </c>
      <c r="M746" s="8">
        <v>101386616</v>
      </c>
      <c r="N746" s="12">
        <v>1</v>
      </c>
      <c r="T746" s="25"/>
      <c r="U746" s="25"/>
    </row>
    <row r="747" spans="1:21" ht="114" x14ac:dyDescent="0.2">
      <c r="A747" s="8" t="s">
        <v>2272</v>
      </c>
      <c r="B747" s="8">
        <v>0.156778768957929</v>
      </c>
      <c r="C747" s="8">
        <v>9.2178750323600998</v>
      </c>
      <c r="D747" s="8">
        <v>4.8797655155363104</v>
      </c>
      <c r="E747" s="9">
        <v>7.6773765002742799E-5</v>
      </c>
      <c r="F747" s="8">
        <v>1.6796584487630299E-4</v>
      </c>
      <c r="G747" s="8">
        <v>-0.59531852068214197</v>
      </c>
      <c r="H747" s="8">
        <v>3609</v>
      </c>
      <c r="I747" s="8" t="s">
        <v>2273</v>
      </c>
      <c r="J747" s="11" t="s">
        <v>2274</v>
      </c>
      <c r="K747" s="8">
        <v>19</v>
      </c>
      <c r="L747" s="8">
        <v>10654261</v>
      </c>
      <c r="M747" s="8">
        <v>10692417</v>
      </c>
      <c r="N747" s="12">
        <v>1</v>
      </c>
      <c r="T747" s="25"/>
      <c r="U747" s="25"/>
    </row>
    <row r="748" spans="1:21" ht="128.25" x14ac:dyDescent="0.2">
      <c r="A748" s="8" t="s">
        <v>2275</v>
      </c>
      <c r="B748" s="8">
        <v>0.21125002715091101</v>
      </c>
      <c r="C748" s="8">
        <v>7.8793277376004598</v>
      </c>
      <c r="D748" s="8">
        <v>4.8751258452776298</v>
      </c>
      <c r="E748" s="9">
        <v>7.7628814581060302E-5</v>
      </c>
      <c r="F748" s="8">
        <v>1.6971912607197901E-4</v>
      </c>
      <c r="G748" s="8">
        <v>-0.541209824555692</v>
      </c>
      <c r="H748" s="8">
        <v>11338</v>
      </c>
      <c r="I748" s="8" t="s">
        <v>2276</v>
      </c>
      <c r="J748" s="11" t="s">
        <v>2277</v>
      </c>
      <c r="K748" s="8">
        <v>19</v>
      </c>
      <c r="L748" s="8">
        <v>55654146</v>
      </c>
      <c r="M748" s="8">
        <v>55674715</v>
      </c>
      <c r="N748" s="12">
        <v>1</v>
      </c>
      <c r="T748" s="25"/>
    </row>
    <row r="749" spans="1:21" ht="128.25" x14ac:dyDescent="0.2">
      <c r="A749" s="8" t="s">
        <v>2278</v>
      </c>
      <c r="B749" s="8">
        <v>0.39533437613724298</v>
      </c>
      <c r="C749" s="8">
        <v>3.4020574687951202</v>
      </c>
      <c r="D749" s="8">
        <v>4.8729291934617303</v>
      </c>
      <c r="E749" s="9">
        <v>7.8036987655317105E-5</v>
      </c>
      <c r="F749" s="8">
        <v>1.70532924313099E-4</v>
      </c>
      <c r="G749" s="8">
        <v>0.14427914157389099</v>
      </c>
      <c r="H749" s="8">
        <v>6103</v>
      </c>
      <c r="I749" s="8" t="s">
        <v>2279</v>
      </c>
      <c r="J749" s="11" t="s">
        <v>2280</v>
      </c>
      <c r="K749" s="8" t="s">
        <v>108</v>
      </c>
      <c r="L749" s="8">
        <v>38269163</v>
      </c>
      <c r="M749" s="8">
        <v>38327564</v>
      </c>
      <c r="N749" s="12">
        <v>-1</v>
      </c>
      <c r="T749" s="25"/>
      <c r="U749" s="25"/>
    </row>
    <row r="750" spans="1:21" ht="114" x14ac:dyDescent="0.2">
      <c r="A750" s="8" t="s">
        <v>2281</v>
      </c>
      <c r="B750" s="8">
        <v>-0.25518978720692898</v>
      </c>
      <c r="C750" s="8">
        <v>5.3234461980471703</v>
      </c>
      <c r="D750" s="8">
        <v>-4.8694920554946499</v>
      </c>
      <c r="E750" s="9">
        <v>7.8680018478129399E-5</v>
      </c>
      <c r="F750" s="8">
        <v>1.7185896761734101E-4</v>
      </c>
      <c r="G750" s="8">
        <v>-0.30601552207223298</v>
      </c>
      <c r="H750" s="8">
        <v>55796</v>
      </c>
      <c r="I750" s="8" t="s">
        <v>2282</v>
      </c>
      <c r="J750" s="11" t="s">
        <v>2283</v>
      </c>
      <c r="K750" s="8" t="s">
        <v>108</v>
      </c>
      <c r="L750" s="8">
        <v>132369317</v>
      </c>
      <c r="M750" s="8">
        <v>132489968</v>
      </c>
      <c r="N750" s="12">
        <v>-1</v>
      </c>
    </row>
    <row r="751" spans="1:21" ht="128.25" x14ac:dyDescent="0.2">
      <c r="A751" s="8" t="s">
        <v>2284</v>
      </c>
      <c r="B751" s="8">
        <v>-0.16266394705248099</v>
      </c>
      <c r="C751" s="8">
        <v>8.1686488635194294</v>
      </c>
      <c r="D751" s="8">
        <v>-4.85906770960408</v>
      </c>
      <c r="E751" s="9">
        <v>8.0663165295873096E-5</v>
      </c>
      <c r="F751" s="8">
        <v>1.7586682994253001E-4</v>
      </c>
      <c r="G751" s="8">
        <v>-0.59386815831217499</v>
      </c>
      <c r="H751" s="8">
        <v>7317</v>
      </c>
      <c r="I751" s="8" t="s">
        <v>2285</v>
      </c>
      <c r="J751" s="11" t="s">
        <v>2286</v>
      </c>
      <c r="K751" s="8" t="s">
        <v>108</v>
      </c>
      <c r="L751" s="8">
        <v>47190861</v>
      </c>
      <c r="M751" s="8">
        <v>47215128</v>
      </c>
      <c r="N751" s="12">
        <v>1</v>
      </c>
    </row>
    <row r="752" spans="1:21" ht="99.75" x14ac:dyDescent="0.2">
      <c r="A752" s="8" t="s">
        <v>2287</v>
      </c>
      <c r="B752" s="8">
        <v>0.19558848595450101</v>
      </c>
      <c r="C752" s="8">
        <v>7.1787683642091196</v>
      </c>
      <c r="D752" s="8">
        <v>4.84865513629929</v>
      </c>
      <c r="E752" s="9">
        <v>8.2694493069397206E-5</v>
      </c>
      <c r="F752" s="8">
        <v>1.7990294565836901E-4</v>
      </c>
      <c r="G752" s="8">
        <v>-0.56421616275251696</v>
      </c>
      <c r="H752" s="8">
        <v>5682</v>
      </c>
      <c r="I752" s="8" t="s">
        <v>2288</v>
      </c>
      <c r="J752" s="11" t="s">
        <v>2289</v>
      </c>
      <c r="K752" s="8">
        <v>11</v>
      </c>
      <c r="L752" s="8">
        <v>14504874</v>
      </c>
      <c r="M752" s="8">
        <v>14643635</v>
      </c>
      <c r="N752" s="12">
        <v>-1</v>
      </c>
    </row>
    <row r="753" spans="1:21" ht="99.75" x14ac:dyDescent="0.2">
      <c r="A753" s="8" t="s">
        <v>2290</v>
      </c>
      <c r="B753" s="8">
        <v>0.176397899240651</v>
      </c>
      <c r="C753" s="8">
        <v>6.6711850988666903</v>
      </c>
      <c r="D753" s="8">
        <v>4.8396286682782002</v>
      </c>
      <c r="E753" s="9">
        <v>8.44971853315409E-5</v>
      </c>
      <c r="F753" s="8">
        <v>1.8346717231540599E-4</v>
      </c>
      <c r="G753" s="8">
        <v>-0.55197232533471996</v>
      </c>
      <c r="H753" s="8">
        <v>6147</v>
      </c>
      <c r="I753" s="8" t="s">
        <v>2291</v>
      </c>
      <c r="J753" s="11" t="s">
        <v>2292</v>
      </c>
      <c r="K753" s="8">
        <v>17</v>
      </c>
      <c r="L753" s="8">
        <v>28719393</v>
      </c>
      <c r="M753" s="8">
        <v>28724359</v>
      </c>
      <c r="N753" s="12">
        <v>1</v>
      </c>
    </row>
    <row r="754" spans="1:21" ht="114" x14ac:dyDescent="0.2">
      <c r="A754" s="8" t="s">
        <v>2293</v>
      </c>
      <c r="B754" s="8">
        <v>0.23919726127694901</v>
      </c>
      <c r="C754" s="8">
        <v>7.1737711123043004</v>
      </c>
      <c r="D754" s="8">
        <v>4.8391505661248599</v>
      </c>
      <c r="E754" s="9">
        <v>8.4593767271955696E-5</v>
      </c>
      <c r="F754" s="8">
        <v>1.83634857185988E-4</v>
      </c>
      <c r="G754" s="8">
        <v>-0.587047535112312</v>
      </c>
      <c r="H754" s="8">
        <v>79811</v>
      </c>
      <c r="I754" s="8" t="s">
        <v>2294</v>
      </c>
      <c r="J754" s="11" t="s">
        <v>2295</v>
      </c>
      <c r="K754" s="8">
        <v>15</v>
      </c>
      <c r="L754" s="8">
        <v>58879045</v>
      </c>
      <c r="M754" s="8">
        <v>58933653</v>
      </c>
      <c r="N754" s="12">
        <v>-1</v>
      </c>
      <c r="T754" s="25"/>
      <c r="U754" s="25"/>
    </row>
    <row r="755" spans="1:21" ht="114" x14ac:dyDescent="0.2">
      <c r="A755" s="8" t="s">
        <v>2296</v>
      </c>
      <c r="B755" s="8">
        <v>-0.20767031019356899</v>
      </c>
      <c r="C755" s="8">
        <v>5.8704500027296298</v>
      </c>
      <c r="D755" s="8">
        <v>-4.8375017141432402</v>
      </c>
      <c r="E755" s="9">
        <v>8.4927709734346497E-5</v>
      </c>
      <c r="F755" s="8">
        <v>1.84296529174236E-4</v>
      </c>
      <c r="G755" s="8">
        <v>-0.47071231854860202</v>
      </c>
      <c r="H755" s="8">
        <v>9209</v>
      </c>
      <c r="I755" s="8" t="s">
        <v>2297</v>
      </c>
      <c r="J755" s="11" t="s">
        <v>2298</v>
      </c>
      <c r="K755" s="8">
        <v>3</v>
      </c>
      <c r="L755" s="8">
        <v>37052656</v>
      </c>
      <c r="M755" s="8">
        <v>37183689</v>
      </c>
      <c r="N755" s="12">
        <v>-1</v>
      </c>
      <c r="T755" s="25"/>
      <c r="U755" s="25"/>
    </row>
    <row r="756" spans="1:21" ht="114" x14ac:dyDescent="0.2">
      <c r="A756" s="8" t="s">
        <v>2299</v>
      </c>
      <c r="B756" s="8">
        <v>0.29086057977130703</v>
      </c>
      <c r="C756" s="8">
        <v>7.2363988354266402</v>
      </c>
      <c r="D756" s="8">
        <v>4.83365666587801</v>
      </c>
      <c r="E756" s="9">
        <v>8.5711629837763304E-5</v>
      </c>
      <c r="F756" s="8">
        <v>1.85848903042874E-4</v>
      </c>
      <c r="G756" s="8">
        <v>-0.60436858341800603</v>
      </c>
      <c r="H756" s="8">
        <v>51593</v>
      </c>
      <c r="I756" s="8" t="s">
        <v>2300</v>
      </c>
      <c r="J756" s="11" t="s">
        <v>2301</v>
      </c>
      <c r="K756" s="8">
        <v>7</v>
      </c>
      <c r="L756" s="8">
        <v>100875111</v>
      </c>
      <c r="M756" s="8">
        <v>100888664</v>
      </c>
      <c r="N756" s="12">
        <v>1</v>
      </c>
    </row>
    <row r="757" spans="1:21" ht="99.75" x14ac:dyDescent="0.2">
      <c r="A757" s="8" t="s">
        <v>2302</v>
      </c>
      <c r="B757" s="8">
        <v>0.17766131420356501</v>
      </c>
      <c r="C757" s="8">
        <v>8.4026892566383609</v>
      </c>
      <c r="D757" s="8">
        <v>4.83089101484709</v>
      </c>
      <c r="E757" s="9">
        <v>8.6279999227732395E-5</v>
      </c>
      <c r="F757" s="8">
        <v>1.8701719535633101E-4</v>
      </c>
      <c r="G757" s="8">
        <v>-0.67591975652913705</v>
      </c>
      <c r="H757" s="8">
        <v>5431</v>
      </c>
      <c r="I757" s="8" t="s">
        <v>2303</v>
      </c>
      <c r="J757" s="11" t="s">
        <v>2304</v>
      </c>
      <c r="K757" s="8">
        <v>4</v>
      </c>
      <c r="L757" s="8">
        <v>56977722</v>
      </c>
      <c r="M757" s="8">
        <v>57031168</v>
      </c>
      <c r="N757" s="12">
        <v>1</v>
      </c>
      <c r="T757" s="25"/>
    </row>
    <row r="758" spans="1:21" ht="99.75" x14ac:dyDescent="0.2">
      <c r="A758" s="8" t="s">
        <v>2305</v>
      </c>
      <c r="B758" s="8">
        <v>0.192611053119917</v>
      </c>
      <c r="C758" s="8">
        <v>6.5541335341707496</v>
      </c>
      <c r="D758" s="8">
        <v>4.8260412130829398</v>
      </c>
      <c r="E758" s="9">
        <v>8.7285887276785398E-5</v>
      </c>
      <c r="F758" s="8">
        <v>1.89067946906923E-4</v>
      </c>
      <c r="G758" s="8">
        <v>-0.57574871458757004</v>
      </c>
      <c r="H758" s="8">
        <v>56339</v>
      </c>
      <c r="I758" s="8" t="s">
        <v>2306</v>
      </c>
      <c r="J758" s="11" t="s">
        <v>2307</v>
      </c>
      <c r="K758" s="8">
        <v>14</v>
      </c>
      <c r="L758" s="8">
        <v>21498133</v>
      </c>
      <c r="M758" s="8">
        <v>21511375</v>
      </c>
      <c r="N758" s="12">
        <v>-1</v>
      </c>
      <c r="T758" s="25"/>
    </row>
    <row r="759" spans="1:21" ht="114" x14ac:dyDescent="0.2">
      <c r="A759" s="8" t="s">
        <v>2308</v>
      </c>
      <c r="B759" s="8">
        <v>0.230903333893586</v>
      </c>
      <c r="C759" s="8">
        <v>5.0420170262582902</v>
      </c>
      <c r="D759" s="8">
        <v>4.8180898590650596</v>
      </c>
      <c r="E759" s="9">
        <v>8.89607506546933E-5</v>
      </c>
      <c r="F759" s="8">
        <v>1.9249808040753901E-4</v>
      </c>
      <c r="G759" s="8">
        <v>-0.38671748252039301</v>
      </c>
      <c r="H759" s="8">
        <v>26284</v>
      </c>
      <c r="I759" s="8" t="s">
        <v>2309</v>
      </c>
      <c r="J759" s="11" t="s">
        <v>2310</v>
      </c>
      <c r="K759" s="8">
        <v>17</v>
      </c>
      <c r="L759" s="8">
        <v>28854938</v>
      </c>
      <c r="M759" s="8">
        <v>28861067</v>
      </c>
      <c r="N759" s="12">
        <v>1</v>
      </c>
    </row>
    <row r="760" spans="1:21" ht="128.25" x14ac:dyDescent="0.2">
      <c r="A760" s="8" t="s">
        <v>2311</v>
      </c>
      <c r="B760" s="8">
        <v>0.243721921430822</v>
      </c>
      <c r="C760" s="8">
        <v>7.1631173782462998</v>
      </c>
      <c r="D760" s="8">
        <v>4.8153080441221903</v>
      </c>
      <c r="E760" s="9">
        <v>8.9554339419284796E-5</v>
      </c>
      <c r="F760" s="8">
        <v>1.9373833779751101E-4</v>
      </c>
      <c r="G760" s="8">
        <v>-0.64392848099218003</v>
      </c>
      <c r="H760" s="8">
        <v>9169</v>
      </c>
      <c r="I760" s="8" t="s">
        <v>2312</v>
      </c>
      <c r="J760" s="11" t="s">
        <v>2313</v>
      </c>
      <c r="K760" s="8">
        <v>12</v>
      </c>
      <c r="L760" s="8">
        <v>45919131</v>
      </c>
      <c r="M760" s="8">
        <v>45992120</v>
      </c>
      <c r="N760" s="12">
        <v>-1</v>
      </c>
      <c r="T760" s="25"/>
      <c r="U760" s="25"/>
    </row>
    <row r="761" spans="1:21" ht="85.5" x14ac:dyDescent="0.2">
      <c r="A761" s="8" t="s">
        <v>2314</v>
      </c>
      <c r="B761" s="8">
        <v>-0.19675035791874901</v>
      </c>
      <c r="C761" s="8">
        <v>8.2094815248173898</v>
      </c>
      <c r="D761" s="8">
        <v>-4.8141657396205302</v>
      </c>
      <c r="E761" s="9">
        <v>8.9799243066666701E-5</v>
      </c>
      <c r="F761" s="8">
        <v>1.9420173625938901E-4</v>
      </c>
      <c r="G761" s="8">
        <v>-0.70418085890417403</v>
      </c>
      <c r="H761" s="8">
        <v>5479</v>
      </c>
      <c r="I761" s="8" t="s">
        <v>2315</v>
      </c>
      <c r="J761" s="11" t="s">
        <v>2316</v>
      </c>
      <c r="K761" s="8">
        <v>15</v>
      </c>
      <c r="L761" s="8">
        <v>64155812</v>
      </c>
      <c r="M761" s="8">
        <v>64163205</v>
      </c>
      <c r="N761" s="12">
        <v>-1</v>
      </c>
      <c r="T761" s="25"/>
      <c r="U761" s="25"/>
    </row>
    <row r="762" spans="1:21" ht="128.25" x14ac:dyDescent="0.2">
      <c r="A762" s="8" t="s">
        <v>2317</v>
      </c>
      <c r="B762" s="8">
        <v>-0.24095493407893501</v>
      </c>
      <c r="C762" s="8">
        <v>6.7889647906647301</v>
      </c>
      <c r="D762" s="8">
        <v>-4.8055090784415802</v>
      </c>
      <c r="E762" s="9">
        <v>9.1677293766769398E-5</v>
      </c>
      <c r="F762" s="8">
        <v>1.98082660117498E-4</v>
      </c>
      <c r="G762" s="8">
        <v>-0.63947390282294603</v>
      </c>
      <c r="H762" s="8">
        <v>6949</v>
      </c>
      <c r="I762" s="8" t="s">
        <v>2318</v>
      </c>
      <c r="J762" s="11" t="s">
        <v>2319</v>
      </c>
      <c r="K762" s="8">
        <v>5</v>
      </c>
      <c r="L762" s="8">
        <v>150357639</v>
      </c>
      <c r="M762" s="8">
        <v>150400308</v>
      </c>
      <c r="N762" s="12">
        <v>1</v>
      </c>
      <c r="T762" s="25"/>
      <c r="U762" s="25"/>
    </row>
    <row r="763" spans="1:21" ht="114" x14ac:dyDescent="0.2">
      <c r="A763" s="8" t="s">
        <v>2320</v>
      </c>
      <c r="B763" s="8">
        <v>0.16644579037632201</v>
      </c>
      <c r="C763" s="8">
        <v>6.6219171688679097</v>
      </c>
      <c r="D763" s="8">
        <v>4.7827891610681998</v>
      </c>
      <c r="E763" s="9">
        <v>9.6797135518785404E-5</v>
      </c>
      <c r="F763" s="8">
        <v>2.08338350996937E-4</v>
      </c>
      <c r="G763" s="8">
        <v>-0.68527885058636295</v>
      </c>
      <c r="H763" s="8">
        <v>55421</v>
      </c>
      <c r="I763" s="8" t="s">
        <v>2321</v>
      </c>
      <c r="J763" s="11" t="s">
        <v>2322</v>
      </c>
      <c r="K763" s="8">
        <v>17</v>
      </c>
      <c r="L763" s="8">
        <v>3802165</v>
      </c>
      <c r="M763" s="8">
        <v>3846251</v>
      </c>
      <c r="N763" s="12">
        <v>-1</v>
      </c>
      <c r="T763" s="25"/>
      <c r="U763" s="25"/>
    </row>
    <row r="764" spans="1:21" ht="128.25" x14ac:dyDescent="0.2">
      <c r="A764" s="8" t="s">
        <v>2323</v>
      </c>
      <c r="B764" s="8">
        <v>0.17264350895720401</v>
      </c>
      <c r="C764" s="8">
        <v>8.0795403685874998</v>
      </c>
      <c r="D764" s="8">
        <v>4.7674212846200303</v>
      </c>
      <c r="E764" s="26">
        <v>1.0042290929111701E-4</v>
      </c>
      <c r="F764" s="8">
        <v>2.15628598055841E-4</v>
      </c>
      <c r="G764" s="8">
        <v>-0.81190261660835406</v>
      </c>
      <c r="H764" s="8">
        <v>6432</v>
      </c>
      <c r="I764" s="8" t="s">
        <v>2324</v>
      </c>
      <c r="J764" s="11" t="s">
        <v>2325</v>
      </c>
      <c r="K764" s="8">
        <v>2</v>
      </c>
      <c r="L764" s="8">
        <v>38743599</v>
      </c>
      <c r="M764" s="8">
        <v>38751494</v>
      </c>
      <c r="N764" s="12">
        <v>-1</v>
      </c>
      <c r="T764" s="25"/>
      <c r="U764" s="25"/>
    </row>
    <row r="765" spans="1:21" ht="99.75" x14ac:dyDescent="0.2">
      <c r="A765" s="8" t="s">
        <v>2326</v>
      </c>
      <c r="B765" s="8">
        <v>0.207921463298504</v>
      </c>
      <c r="C765" s="8">
        <v>6.3282664582552597</v>
      </c>
      <c r="D765" s="8">
        <v>4.7671703110441799</v>
      </c>
      <c r="E765" s="26">
        <v>1.00483245567038E-4</v>
      </c>
      <c r="F765" s="8">
        <v>2.15733742632162E-4</v>
      </c>
      <c r="G765" s="8">
        <v>-0.69787253493214196</v>
      </c>
      <c r="H765" s="8">
        <v>6129</v>
      </c>
      <c r="I765" s="8" t="s">
        <v>2327</v>
      </c>
      <c r="J765" s="11" t="s">
        <v>2328</v>
      </c>
      <c r="K765" s="8">
        <v>8</v>
      </c>
      <c r="L765" s="8">
        <v>73290267</v>
      </c>
      <c r="M765" s="8">
        <v>73295789</v>
      </c>
      <c r="N765" s="12">
        <v>-1</v>
      </c>
    </row>
    <row r="766" spans="1:21" ht="156.75" x14ac:dyDescent="0.2">
      <c r="A766" s="8" t="s">
        <v>2329</v>
      </c>
      <c r="B766" s="8">
        <v>0.221526003474903</v>
      </c>
      <c r="C766" s="8">
        <v>5.4944167337571699</v>
      </c>
      <c r="D766" s="8">
        <v>4.7604508613961398</v>
      </c>
      <c r="E766" s="26">
        <v>1.02112329895801E-4</v>
      </c>
      <c r="F766" s="8">
        <v>2.1908260988497599E-4</v>
      </c>
      <c r="G766" s="8">
        <v>-0.60744201493316996</v>
      </c>
      <c r="H766" s="8">
        <v>6635</v>
      </c>
      <c r="I766" s="8" t="s">
        <v>2330</v>
      </c>
      <c r="J766" s="11" t="s">
        <v>2331</v>
      </c>
      <c r="K766" s="8">
        <v>1</v>
      </c>
      <c r="L766" s="8">
        <v>203861603</v>
      </c>
      <c r="M766" s="8">
        <v>203870550</v>
      </c>
      <c r="N766" s="12">
        <v>1</v>
      </c>
    </row>
    <row r="767" spans="1:21" ht="142.5" x14ac:dyDescent="0.2">
      <c r="A767" s="8" t="s">
        <v>2332</v>
      </c>
      <c r="B767" s="8">
        <v>0.19371426966031399</v>
      </c>
      <c r="C767" s="8">
        <v>7.1102590408511901</v>
      </c>
      <c r="D767" s="8">
        <v>4.75984806676452</v>
      </c>
      <c r="E767" s="26">
        <v>1.02259769324967E-4</v>
      </c>
      <c r="F767" s="8">
        <v>2.1937414000451001E-4</v>
      </c>
      <c r="G767" s="8">
        <v>-0.77422842982709195</v>
      </c>
      <c r="H767" s="8">
        <v>6634</v>
      </c>
      <c r="I767" s="8" t="s">
        <v>2333</v>
      </c>
      <c r="J767" s="11" t="s">
        <v>2334</v>
      </c>
      <c r="K767" s="8">
        <v>22</v>
      </c>
      <c r="L767" s="8">
        <v>24555503</v>
      </c>
      <c r="M767" s="8">
        <v>24609980</v>
      </c>
      <c r="N767" s="12">
        <v>1</v>
      </c>
      <c r="T767" s="25"/>
      <c r="U767" s="25"/>
    </row>
    <row r="768" spans="1:21" ht="114" x14ac:dyDescent="0.2">
      <c r="A768" s="8" t="s">
        <v>2335</v>
      </c>
      <c r="B768" s="8">
        <v>0.29084682236791998</v>
      </c>
      <c r="C768" s="8">
        <v>4.2237339296201801</v>
      </c>
      <c r="D768" s="8">
        <v>4.7278043047172096</v>
      </c>
      <c r="E768" s="26">
        <v>1.10414589623804E-4</v>
      </c>
      <c r="F768" s="8">
        <v>2.3564301251584801E-4</v>
      </c>
      <c r="G768" s="8">
        <v>-0.42002577606896702</v>
      </c>
      <c r="H768" s="8">
        <v>129831</v>
      </c>
      <c r="I768" s="8" t="s">
        <v>2336</v>
      </c>
      <c r="J768" s="11" t="s">
        <v>2337</v>
      </c>
      <c r="K768" s="8">
        <v>2</v>
      </c>
      <c r="L768" s="8">
        <v>178112424</v>
      </c>
      <c r="M768" s="8">
        <v>178139011</v>
      </c>
      <c r="N768" s="12">
        <v>1</v>
      </c>
    </row>
    <row r="769" spans="1:21" ht="128.25" x14ac:dyDescent="0.2">
      <c r="A769" s="8" t="s">
        <v>2338</v>
      </c>
      <c r="B769" s="8">
        <v>0.24024964691655501</v>
      </c>
      <c r="C769" s="8">
        <v>4.8918211745243498</v>
      </c>
      <c r="D769" s="8">
        <v>4.7078226487952897</v>
      </c>
      <c r="E769" s="26">
        <v>1.15828593295884E-4</v>
      </c>
      <c r="F769" s="8">
        <v>2.4647670049069098E-4</v>
      </c>
      <c r="G769" s="8">
        <v>-0.62219124933371805</v>
      </c>
      <c r="H769" s="8">
        <v>10011</v>
      </c>
      <c r="I769" s="8" t="s">
        <v>2339</v>
      </c>
      <c r="J769" s="11" t="s">
        <v>2340</v>
      </c>
      <c r="K769" s="8">
        <v>5</v>
      </c>
      <c r="L769" s="8">
        <v>140537340</v>
      </c>
      <c r="M769" s="8">
        <v>140558252</v>
      </c>
      <c r="N769" s="12">
        <v>-1</v>
      </c>
      <c r="T769" s="25"/>
    </row>
    <row r="770" spans="1:21" ht="114" x14ac:dyDescent="0.2">
      <c r="A770" s="8" t="s">
        <v>2341</v>
      </c>
      <c r="B770" s="8">
        <v>0.17104141780038701</v>
      </c>
      <c r="C770" s="8">
        <v>6.5154014553950601</v>
      </c>
      <c r="D770" s="8">
        <v>4.7040683985539999</v>
      </c>
      <c r="E770" s="26">
        <v>1.16875283136239E-4</v>
      </c>
      <c r="F770" s="8">
        <v>2.48564636117495E-4</v>
      </c>
      <c r="G770" s="8">
        <v>-0.86678917165606795</v>
      </c>
      <c r="H770" s="8">
        <v>23644</v>
      </c>
      <c r="I770" s="8" t="s">
        <v>2342</v>
      </c>
      <c r="J770" s="11" t="s">
        <v>2343</v>
      </c>
      <c r="K770" s="8">
        <v>16</v>
      </c>
      <c r="L770" s="8">
        <v>67873023</v>
      </c>
      <c r="M770" s="8">
        <v>67884503</v>
      </c>
      <c r="N770" s="12">
        <v>1</v>
      </c>
      <c r="T770" s="25"/>
      <c r="U770" s="25"/>
    </row>
    <row r="771" spans="1:21" ht="114" x14ac:dyDescent="0.2">
      <c r="A771" s="8" t="s">
        <v>2344</v>
      </c>
      <c r="B771" s="8">
        <v>-0.20833007412513499</v>
      </c>
      <c r="C771" s="8">
        <v>7.3481453452535002</v>
      </c>
      <c r="D771" s="8">
        <v>-4.6918717444119897</v>
      </c>
      <c r="E771" s="26">
        <v>1.20341978238507E-4</v>
      </c>
      <c r="F771" s="8">
        <v>2.55365058820546E-4</v>
      </c>
      <c r="G771" s="8">
        <v>-0.95046727852403501</v>
      </c>
      <c r="H771" s="8">
        <v>8655</v>
      </c>
      <c r="I771" s="8" t="s">
        <v>2345</v>
      </c>
      <c r="J771" s="11" t="s">
        <v>2346</v>
      </c>
      <c r="K771" s="8">
        <v>12</v>
      </c>
      <c r="L771" s="8">
        <v>120469850</v>
      </c>
      <c r="M771" s="8">
        <v>120498493</v>
      </c>
      <c r="N771" s="12">
        <v>1</v>
      </c>
      <c r="T771" s="25"/>
      <c r="U771" s="25"/>
    </row>
    <row r="772" spans="1:21" ht="114" x14ac:dyDescent="0.2">
      <c r="A772" s="8" t="s">
        <v>2347</v>
      </c>
      <c r="B772" s="8">
        <v>0.18148310551756999</v>
      </c>
      <c r="C772" s="8">
        <v>7.5670699595543098</v>
      </c>
      <c r="D772" s="8">
        <v>4.6894969587349404</v>
      </c>
      <c r="E772" s="26">
        <v>1.21028930974392E-4</v>
      </c>
      <c r="F772" s="8">
        <v>2.5667926051643102E-4</v>
      </c>
      <c r="G772" s="8">
        <v>-0.97131496380494697</v>
      </c>
      <c r="H772" s="8">
        <v>27125</v>
      </c>
      <c r="I772" s="8" t="s">
        <v>2348</v>
      </c>
      <c r="J772" s="11" t="s">
        <v>2349</v>
      </c>
      <c r="K772" s="8">
        <v>5</v>
      </c>
      <c r="L772" s="8">
        <v>132875379</v>
      </c>
      <c r="M772" s="8">
        <v>132963634</v>
      </c>
      <c r="N772" s="12">
        <v>-1</v>
      </c>
      <c r="T772" s="25"/>
      <c r="U772" s="25"/>
    </row>
    <row r="773" spans="1:21" ht="99.75" x14ac:dyDescent="0.2">
      <c r="A773" s="8" t="s">
        <v>2350</v>
      </c>
      <c r="B773" s="8">
        <v>0.33384656555078401</v>
      </c>
      <c r="C773" s="8">
        <v>5.08842639304088</v>
      </c>
      <c r="D773" s="8">
        <v>4.6844249479866198</v>
      </c>
      <c r="E773" s="26">
        <v>1.22509370256951E-4</v>
      </c>
      <c r="F773" s="8">
        <v>2.5947101778640098E-4</v>
      </c>
      <c r="G773" s="8">
        <v>-0.71941737956618101</v>
      </c>
      <c r="H773" s="8">
        <v>56342</v>
      </c>
      <c r="I773" s="8" t="s">
        <v>2351</v>
      </c>
      <c r="J773" s="11" t="s">
        <v>2352</v>
      </c>
      <c r="K773" s="8">
        <v>19</v>
      </c>
      <c r="L773" s="8">
        <v>10106289</v>
      </c>
      <c r="M773" s="8">
        <v>10111634</v>
      </c>
      <c r="N773" s="12">
        <v>1</v>
      </c>
    </row>
    <row r="774" spans="1:21" ht="114" x14ac:dyDescent="0.2">
      <c r="A774" s="8" t="s">
        <v>2353</v>
      </c>
      <c r="B774" s="8">
        <v>0.189346815303502</v>
      </c>
      <c r="C774" s="8">
        <v>5.7310065946138096</v>
      </c>
      <c r="D774" s="8">
        <v>4.6840234774490002</v>
      </c>
      <c r="E774" s="26">
        <v>1.2262732958938499E-4</v>
      </c>
      <c r="F774" s="8">
        <v>2.5969186849880102E-4</v>
      </c>
      <c r="G774" s="8">
        <v>-0.82789189744251601</v>
      </c>
      <c r="H774" s="8">
        <v>29102</v>
      </c>
      <c r="I774" s="8" t="s">
        <v>2354</v>
      </c>
      <c r="J774" s="11" t="s">
        <v>2355</v>
      </c>
      <c r="K774" s="8">
        <v>5</v>
      </c>
      <c r="L774" s="8">
        <v>31400497</v>
      </c>
      <c r="M774" s="8">
        <v>31532196</v>
      </c>
      <c r="N774" s="12">
        <v>-1</v>
      </c>
      <c r="T774" s="25"/>
      <c r="U774" s="25"/>
    </row>
    <row r="775" spans="1:21" ht="114" x14ac:dyDescent="0.2">
      <c r="A775" s="8" t="s">
        <v>2356</v>
      </c>
      <c r="B775" s="8">
        <v>0.27490354182376198</v>
      </c>
      <c r="C775" s="8">
        <v>6.8651029608100398</v>
      </c>
      <c r="D775" s="8">
        <v>4.6824789365274402</v>
      </c>
      <c r="E775" s="26">
        <v>1.2308221183757599E-4</v>
      </c>
      <c r="F775" s="8">
        <v>2.60538888348207E-4</v>
      </c>
      <c r="G775" s="8">
        <v>-0.94546508381321903</v>
      </c>
      <c r="H775" s="8">
        <v>10153</v>
      </c>
      <c r="I775" s="8" t="s">
        <v>2357</v>
      </c>
      <c r="J775" s="11" t="s">
        <v>2358</v>
      </c>
      <c r="K775" s="8">
        <v>2</v>
      </c>
      <c r="L775" s="8">
        <v>37201612</v>
      </c>
      <c r="M775" s="8">
        <v>37231713</v>
      </c>
      <c r="N775" s="12">
        <v>-1</v>
      </c>
      <c r="T775" s="25"/>
      <c r="U775" s="25"/>
    </row>
    <row r="776" spans="1:21" ht="128.25" x14ac:dyDescent="0.2">
      <c r="A776" s="8" t="s">
        <v>2359</v>
      </c>
      <c r="B776" s="8">
        <v>0.18776365008941401</v>
      </c>
      <c r="C776" s="8">
        <v>8.1830948688349903</v>
      </c>
      <c r="D776" s="8">
        <v>4.6761071282428004</v>
      </c>
      <c r="E776" s="26">
        <v>1.2497681635328101E-4</v>
      </c>
      <c r="F776" s="8">
        <v>2.64342960759721E-4</v>
      </c>
      <c r="G776" s="8">
        <v>-1.0380167540669101</v>
      </c>
      <c r="H776" s="8">
        <v>57532</v>
      </c>
      <c r="I776" s="8" t="s">
        <v>2360</v>
      </c>
      <c r="J776" s="11" t="s">
        <v>2361</v>
      </c>
      <c r="K776" s="8">
        <v>17</v>
      </c>
      <c r="L776" s="8">
        <v>29255836</v>
      </c>
      <c r="M776" s="8">
        <v>29294118</v>
      </c>
      <c r="N776" s="12">
        <v>-1</v>
      </c>
    </row>
    <row r="777" spans="1:21" ht="71.25" x14ac:dyDescent="0.2">
      <c r="A777" s="8" t="s">
        <v>2362</v>
      </c>
      <c r="B777" s="8">
        <v>-0.75259317485187205</v>
      </c>
      <c r="C777" s="8">
        <v>0.97049723646696495</v>
      </c>
      <c r="D777" s="8">
        <v>-4.6757332050696503</v>
      </c>
      <c r="E777" s="26">
        <v>1.25088907744561E-4</v>
      </c>
      <c r="F777" s="8">
        <v>2.6455056305232699E-4</v>
      </c>
      <c r="G777" s="8">
        <v>0.37972159423775098</v>
      </c>
      <c r="H777" s="8">
        <v>283</v>
      </c>
      <c r="I777" s="8" t="s">
        <v>2363</v>
      </c>
      <c r="J777" s="11" t="s">
        <v>2364</v>
      </c>
      <c r="K777" s="8">
        <v>14</v>
      </c>
      <c r="L777" s="8">
        <v>20684177</v>
      </c>
      <c r="M777" s="8">
        <v>20698971</v>
      </c>
      <c r="N777" s="12">
        <v>1</v>
      </c>
      <c r="T777" s="25"/>
      <c r="U777" s="25"/>
    </row>
    <row r="778" spans="1:21" ht="99.75" x14ac:dyDescent="0.2">
      <c r="A778" s="8" t="s">
        <v>2365</v>
      </c>
      <c r="B778" s="8">
        <v>0.34648678826928198</v>
      </c>
      <c r="C778" s="8">
        <v>3.87099917081217</v>
      </c>
      <c r="D778" s="8">
        <v>4.6609992149006096</v>
      </c>
      <c r="E778" s="26">
        <v>1.2958730438405501E-4</v>
      </c>
      <c r="F778" s="8">
        <v>2.7339391609741199E-4</v>
      </c>
      <c r="G778" s="8">
        <v>-0.49146640931980901</v>
      </c>
      <c r="H778" s="8">
        <v>8187</v>
      </c>
      <c r="I778" s="8" t="s">
        <v>2366</v>
      </c>
      <c r="J778" s="11" t="s">
        <v>2367</v>
      </c>
      <c r="K778" s="8">
        <v>10</v>
      </c>
      <c r="L778" s="8">
        <v>43556344</v>
      </c>
      <c r="M778" s="8">
        <v>43574618</v>
      </c>
      <c r="N778" s="12">
        <v>-1</v>
      </c>
      <c r="T778" s="25"/>
      <c r="U778" s="25"/>
    </row>
    <row r="779" spans="1:21" ht="114" x14ac:dyDescent="0.2">
      <c r="A779" s="8" t="s">
        <v>2368</v>
      </c>
      <c r="B779" s="8">
        <v>0.25183005864647301</v>
      </c>
      <c r="C779" s="8">
        <v>5.0515219193674596</v>
      </c>
      <c r="D779" s="8">
        <v>4.6492575314187201</v>
      </c>
      <c r="E779" s="26">
        <v>1.3328854231924801E-4</v>
      </c>
      <c r="F779" s="8">
        <v>2.80827874718815E-4</v>
      </c>
      <c r="G779" s="8">
        <v>-0.79623935914829802</v>
      </c>
      <c r="H779" s="8">
        <v>1478</v>
      </c>
      <c r="I779" s="8" t="s">
        <v>2369</v>
      </c>
      <c r="J779" s="11" t="s">
        <v>2370</v>
      </c>
      <c r="K779" s="8" t="s">
        <v>108</v>
      </c>
      <c r="L779" s="8">
        <v>100820359</v>
      </c>
      <c r="M779" s="8">
        <v>100840932</v>
      </c>
      <c r="N779" s="12">
        <v>1</v>
      </c>
    </row>
    <row r="780" spans="1:21" ht="128.25" x14ac:dyDescent="0.2">
      <c r="A780" s="8" t="s">
        <v>2371</v>
      </c>
      <c r="B780" s="8">
        <v>0.246469053603522</v>
      </c>
      <c r="C780" s="8">
        <v>4.8338370462115199</v>
      </c>
      <c r="D780" s="8">
        <v>4.6397039785167697</v>
      </c>
      <c r="E780" s="26">
        <v>1.3637846174474101E-4</v>
      </c>
      <c r="F780" s="8">
        <v>2.86764993742931E-4</v>
      </c>
      <c r="G780" s="8">
        <v>-0.774357094982006</v>
      </c>
      <c r="H780" s="8">
        <v>57109</v>
      </c>
      <c r="I780" s="8" t="s">
        <v>2372</v>
      </c>
      <c r="J780" s="11" t="s">
        <v>2373</v>
      </c>
      <c r="K780" s="8">
        <v>9</v>
      </c>
      <c r="L780" s="8">
        <v>133406059</v>
      </c>
      <c r="M780" s="8">
        <v>133418096</v>
      </c>
      <c r="N780" s="12">
        <v>-1</v>
      </c>
      <c r="T780" s="25"/>
      <c r="U780" s="25"/>
    </row>
    <row r="781" spans="1:21" ht="114" x14ac:dyDescent="0.2">
      <c r="A781" s="8" t="s">
        <v>2374</v>
      </c>
      <c r="B781" s="8">
        <v>0.19296181925521799</v>
      </c>
      <c r="C781" s="8">
        <v>6.1101448935802001</v>
      </c>
      <c r="D781" s="8">
        <v>4.6329884751642698</v>
      </c>
      <c r="E781" s="26">
        <v>1.38593545073665E-4</v>
      </c>
      <c r="F781" s="8">
        <v>2.9114206336420298E-4</v>
      </c>
      <c r="G781" s="8">
        <v>-0.99911191100824503</v>
      </c>
      <c r="H781" s="8">
        <v>84950</v>
      </c>
      <c r="I781" s="8" t="s">
        <v>2375</v>
      </c>
      <c r="J781" s="11" t="s">
        <v>2376</v>
      </c>
      <c r="K781" s="8">
        <v>1</v>
      </c>
      <c r="L781" s="8">
        <v>52404564</v>
      </c>
      <c r="M781" s="8">
        <v>52420839</v>
      </c>
      <c r="N781" s="12">
        <v>1</v>
      </c>
      <c r="T781" s="25"/>
      <c r="U781" s="25"/>
    </row>
    <row r="782" spans="1:21" ht="99.75" x14ac:dyDescent="0.2">
      <c r="A782" s="8" t="s">
        <v>2377</v>
      </c>
      <c r="B782" s="8">
        <v>0.15929666692106401</v>
      </c>
      <c r="C782" s="8">
        <v>6.5715883384409803</v>
      </c>
      <c r="D782" s="8">
        <v>4.6319954515916901</v>
      </c>
      <c r="E782" s="26">
        <v>1.3892415053664599E-4</v>
      </c>
      <c r="F782" s="8">
        <v>2.9166540598892898E-4</v>
      </c>
      <c r="G782" s="8">
        <v>-1.0453219412952299</v>
      </c>
      <c r="H782" s="8">
        <v>8563</v>
      </c>
      <c r="I782" s="8" t="s">
        <v>2378</v>
      </c>
      <c r="J782" s="11" t="s">
        <v>2379</v>
      </c>
      <c r="K782" s="8">
        <v>22</v>
      </c>
      <c r="L782" s="8">
        <v>29505879</v>
      </c>
      <c r="M782" s="8">
        <v>29555216</v>
      </c>
      <c r="N782" s="12">
        <v>-1</v>
      </c>
    </row>
    <row r="783" spans="1:21" ht="99.75" x14ac:dyDescent="0.2">
      <c r="A783" s="8" t="s">
        <v>2380</v>
      </c>
      <c r="B783" s="8">
        <v>0.18659735786923001</v>
      </c>
      <c r="C783" s="8">
        <v>8.4064727544507001</v>
      </c>
      <c r="D783" s="8">
        <v>4.6257237178591497</v>
      </c>
      <c r="E783" s="26">
        <v>1.4103060941527201E-4</v>
      </c>
      <c r="F783" s="8">
        <v>2.9592413477151901E-4</v>
      </c>
      <c r="G783" s="8">
        <v>-1.17142179722146</v>
      </c>
      <c r="H783" s="8">
        <v>11051</v>
      </c>
      <c r="I783" s="8" t="s">
        <v>2381</v>
      </c>
      <c r="J783" s="11" t="s">
        <v>2382</v>
      </c>
      <c r="K783" s="8">
        <v>16</v>
      </c>
      <c r="L783" s="8">
        <v>56429133</v>
      </c>
      <c r="M783" s="8">
        <v>56452199</v>
      </c>
      <c r="N783" s="12">
        <v>-1</v>
      </c>
      <c r="T783" s="25"/>
      <c r="U783" s="25"/>
    </row>
    <row r="784" spans="1:21" ht="114" x14ac:dyDescent="0.2">
      <c r="A784" s="8" t="s">
        <v>2383</v>
      </c>
      <c r="B784" s="8">
        <v>-0.15515071381485701</v>
      </c>
      <c r="C784" s="8">
        <v>8.0109966141049291</v>
      </c>
      <c r="D784" s="8">
        <v>-4.6213086039275497</v>
      </c>
      <c r="E784" s="26">
        <v>1.4253275207652601E-4</v>
      </c>
      <c r="F784" s="8">
        <v>2.98811758302722E-4</v>
      </c>
      <c r="G784" s="8">
        <v>-1.1592020758388</v>
      </c>
      <c r="H784" s="8">
        <v>10658</v>
      </c>
      <c r="I784" s="8" t="s">
        <v>2384</v>
      </c>
      <c r="J784" s="11" t="s">
        <v>2385</v>
      </c>
      <c r="K784" s="8">
        <v>11</v>
      </c>
      <c r="L784" s="8">
        <v>47465944</v>
      </c>
      <c r="M784" s="8">
        <v>47565569</v>
      </c>
      <c r="N784" s="12">
        <v>-1</v>
      </c>
      <c r="T784" s="25"/>
      <c r="U784" s="25"/>
    </row>
    <row r="785" spans="1:21" ht="99.75" x14ac:dyDescent="0.2">
      <c r="A785" s="8" t="s">
        <v>2386</v>
      </c>
      <c r="B785" s="8">
        <v>0.188623244580302</v>
      </c>
      <c r="C785" s="8">
        <v>5.7131364655001597</v>
      </c>
      <c r="D785" s="8">
        <v>4.60933715673288</v>
      </c>
      <c r="E785" s="26">
        <v>1.46687310751509E-4</v>
      </c>
      <c r="F785" s="8">
        <v>3.0711441925544898E-4</v>
      </c>
      <c r="G785" s="8">
        <v>-1.0056387268079101</v>
      </c>
      <c r="H785" s="8">
        <v>79009</v>
      </c>
      <c r="I785" s="8" t="s">
        <v>2387</v>
      </c>
      <c r="J785" s="11" t="s">
        <v>2388</v>
      </c>
      <c r="K785" s="8">
        <v>10</v>
      </c>
      <c r="L785" s="8">
        <v>68901278</v>
      </c>
      <c r="M785" s="8">
        <v>68946847</v>
      </c>
      <c r="N785" s="12">
        <v>1</v>
      </c>
      <c r="T785" s="25"/>
      <c r="U785" s="25"/>
    </row>
    <row r="786" spans="1:21" ht="114" x14ac:dyDescent="0.2">
      <c r="A786" s="8" t="s">
        <v>2389</v>
      </c>
      <c r="B786" s="8">
        <v>0.19303238574743201</v>
      </c>
      <c r="C786" s="8">
        <v>5.6042095439392696</v>
      </c>
      <c r="D786" s="8">
        <v>4.6050981237072204</v>
      </c>
      <c r="E786" s="26">
        <v>1.4818746301772701E-4</v>
      </c>
      <c r="F786" s="8">
        <v>3.1000658501434701E-4</v>
      </c>
      <c r="G786" s="8">
        <v>-0.999583375987529</v>
      </c>
      <c r="H786" s="8">
        <v>56945</v>
      </c>
      <c r="I786" s="8" t="s">
        <v>2390</v>
      </c>
      <c r="J786" s="11" t="s">
        <v>2391</v>
      </c>
      <c r="K786" s="8">
        <v>3</v>
      </c>
      <c r="L786" s="8">
        <v>139005806</v>
      </c>
      <c r="M786" s="8">
        <v>139357223</v>
      </c>
      <c r="N786" s="12">
        <v>1</v>
      </c>
    </row>
    <row r="787" spans="1:21" ht="114" x14ac:dyDescent="0.2">
      <c r="A787" s="8" t="s">
        <v>2392</v>
      </c>
      <c r="B787" s="8">
        <v>-0.31781046393131401</v>
      </c>
      <c r="C787" s="8">
        <v>3.4902608493988798</v>
      </c>
      <c r="D787" s="8">
        <v>-4.60226773090191</v>
      </c>
      <c r="E787" s="26">
        <v>1.49197698474763E-4</v>
      </c>
      <c r="F787" s="8">
        <v>3.1185499138555701E-4</v>
      </c>
      <c r="G787" s="8">
        <v>-0.51311905449429196</v>
      </c>
      <c r="H787" s="8">
        <v>6812</v>
      </c>
      <c r="I787" s="8" t="s">
        <v>2393</v>
      </c>
      <c r="J787" s="11" t="s">
        <v>2394</v>
      </c>
      <c r="K787" s="8">
        <v>9</v>
      </c>
      <c r="L787" s="8">
        <v>127579370</v>
      </c>
      <c r="M787" s="8">
        <v>127696115</v>
      </c>
      <c r="N787" s="12">
        <v>1</v>
      </c>
      <c r="T787" s="25"/>
      <c r="U787" s="25"/>
    </row>
    <row r="788" spans="1:21" ht="99.75" x14ac:dyDescent="0.2">
      <c r="A788" s="8" t="s">
        <v>2395</v>
      </c>
      <c r="B788" s="8">
        <v>0.26712890393969402</v>
      </c>
      <c r="C788" s="8">
        <v>4.8410042246509803</v>
      </c>
      <c r="D788" s="8">
        <v>4.5959504104293796</v>
      </c>
      <c r="E788" s="26">
        <v>1.5147757208796E-4</v>
      </c>
      <c r="F788" s="8">
        <v>3.1641055426672799E-4</v>
      </c>
      <c r="G788" s="8">
        <v>-0.88177699653496999</v>
      </c>
      <c r="H788" s="8">
        <v>246243</v>
      </c>
      <c r="I788" s="8" t="s">
        <v>2396</v>
      </c>
      <c r="J788" s="11" t="s">
        <v>2397</v>
      </c>
      <c r="K788" s="8">
        <v>2</v>
      </c>
      <c r="L788" s="8">
        <v>3544793</v>
      </c>
      <c r="M788" s="8">
        <v>3558616</v>
      </c>
      <c r="N788" s="12">
        <v>-1</v>
      </c>
    </row>
    <row r="789" spans="1:21" ht="128.25" x14ac:dyDescent="0.2">
      <c r="A789" s="8" t="s">
        <v>2398</v>
      </c>
      <c r="B789" s="8">
        <v>-0.23787519830127499</v>
      </c>
      <c r="C789" s="8">
        <v>4.3394773262129602</v>
      </c>
      <c r="D789" s="8">
        <v>-4.5933382381278998</v>
      </c>
      <c r="E789" s="26">
        <v>1.52430500561344E-4</v>
      </c>
      <c r="F789" s="8">
        <v>3.1833097932789902E-4</v>
      </c>
      <c r="G789" s="8">
        <v>-0.75998628081745401</v>
      </c>
      <c r="H789" s="8">
        <v>55702</v>
      </c>
      <c r="I789" s="8" t="s">
        <v>2399</v>
      </c>
      <c r="J789" s="11" t="s">
        <v>2400</v>
      </c>
      <c r="K789" s="8">
        <v>19</v>
      </c>
      <c r="L789" s="8">
        <v>4247079</v>
      </c>
      <c r="M789" s="8">
        <v>4269090</v>
      </c>
      <c r="N789" s="12">
        <v>1</v>
      </c>
    </row>
    <row r="790" spans="1:21" ht="114" x14ac:dyDescent="0.2">
      <c r="A790" s="8" t="s">
        <v>2401</v>
      </c>
      <c r="B790" s="8">
        <v>0.31989380847530802</v>
      </c>
      <c r="C790" s="8">
        <v>3.5373591264966402</v>
      </c>
      <c r="D790" s="8">
        <v>4.5911042442280303</v>
      </c>
      <c r="E790" s="26">
        <v>1.53250252404515E-4</v>
      </c>
      <c r="F790" s="8">
        <v>3.1993729811666401E-4</v>
      </c>
      <c r="G790" s="8">
        <v>-0.57080706168689899</v>
      </c>
      <c r="H790" s="8">
        <v>57409</v>
      </c>
      <c r="I790" s="8" t="s">
        <v>2402</v>
      </c>
      <c r="J790" s="11" t="s">
        <v>2403</v>
      </c>
      <c r="K790" s="8">
        <v>17</v>
      </c>
      <c r="L790" s="8">
        <v>75266228</v>
      </c>
      <c r="M790" s="8">
        <v>75271227</v>
      </c>
      <c r="N790" s="12">
        <v>-1</v>
      </c>
    </row>
    <row r="791" spans="1:21" ht="99.75" x14ac:dyDescent="0.2">
      <c r="A791" s="8" t="s">
        <v>2404</v>
      </c>
      <c r="B791" s="8">
        <v>-0.139168906868537</v>
      </c>
      <c r="C791" s="8">
        <v>7.9866913419718397</v>
      </c>
      <c r="D791" s="8">
        <v>-4.5905048391282897</v>
      </c>
      <c r="E791" s="26">
        <v>1.5347095460452101E-4</v>
      </c>
      <c r="F791" s="8">
        <v>3.2036280998019899E-4</v>
      </c>
      <c r="G791" s="8">
        <v>-1.2323406834830299</v>
      </c>
      <c r="H791" s="8">
        <v>11180</v>
      </c>
      <c r="I791" s="8" t="s">
        <v>2405</v>
      </c>
      <c r="J791" s="11" t="s">
        <v>2406</v>
      </c>
      <c r="K791" s="8">
        <v>3</v>
      </c>
      <c r="L791" s="8">
        <v>49007062</v>
      </c>
      <c r="M791" s="8">
        <v>49015953</v>
      </c>
      <c r="N791" s="12">
        <v>1</v>
      </c>
      <c r="T791" s="25"/>
      <c r="U791" s="25"/>
    </row>
    <row r="792" spans="1:21" ht="156.75" x14ac:dyDescent="0.2">
      <c r="A792" s="8" t="s">
        <v>2407</v>
      </c>
      <c r="B792" s="8">
        <v>0.38913054286158799</v>
      </c>
      <c r="C792" s="8">
        <v>2.6378130951940499</v>
      </c>
      <c r="D792" s="8">
        <v>4.5895912176664897</v>
      </c>
      <c r="E792" s="26">
        <v>1.5380796729115801E-4</v>
      </c>
      <c r="F792" s="8">
        <v>3.2096887723146502E-4</v>
      </c>
      <c r="G792" s="8">
        <v>-0.32702911588578099</v>
      </c>
      <c r="H792" s="8"/>
      <c r="I792" s="8" t="s">
        <v>2408</v>
      </c>
      <c r="J792" s="11" t="s">
        <v>2409</v>
      </c>
      <c r="K792" s="8">
        <v>5</v>
      </c>
      <c r="L792" s="8">
        <v>112891422</v>
      </c>
      <c r="M792" s="8">
        <v>112893094</v>
      </c>
      <c r="N792" s="12">
        <v>1</v>
      </c>
      <c r="T792" s="25"/>
      <c r="U792" s="25"/>
    </row>
    <row r="793" spans="1:21" ht="128.25" x14ac:dyDescent="0.2">
      <c r="A793" s="8" t="s">
        <v>2410</v>
      </c>
      <c r="B793" s="8">
        <v>0.28586011450514698</v>
      </c>
      <c r="C793" s="8">
        <v>6.3173606019225703</v>
      </c>
      <c r="D793" s="8">
        <v>4.5762076150397002</v>
      </c>
      <c r="E793" s="26">
        <v>1.5883106429028001E-4</v>
      </c>
      <c r="F793" s="8">
        <v>3.3067878299908299E-4</v>
      </c>
      <c r="G793" s="8">
        <v>-1.1582582487109401</v>
      </c>
      <c r="H793" s="8">
        <v>9669</v>
      </c>
      <c r="I793" s="8" t="s">
        <v>2411</v>
      </c>
      <c r="J793" s="11" t="s">
        <v>2412</v>
      </c>
      <c r="K793" s="8">
        <v>2</v>
      </c>
      <c r="L793" s="8">
        <v>99337353</v>
      </c>
      <c r="M793" s="8">
        <v>99401326</v>
      </c>
      <c r="N793" s="12">
        <v>1</v>
      </c>
      <c r="T793" s="25"/>
    </row>
    <row r="794" spans="1:21" ht="114" x14ac:dyDescent="0.2">
      <c r="A794" s="8" t="s">
        <v>2413</v>
      </c>
      <c r="B794" s="8">
        <v>-0.182143899820148</v>
      </c>
      <c r="C794" s="8">
        <v>6.9632659071631302</v>
      </c>
      <c r="D794" s="8">
        <v>-4.5594548593045197</v>
      </c>
      <c r="E794" s="26">
        <v>1.6535190435744001E-4</v>
      </c>
      <c r="F794" s="8">
        <v>3.4338838793949799E-4</v>
      </c>
      <c r="G794" s="8">
        <v>-1.24617063188435</v>
      </c>
      <c r="H794" s="8">
        <v>7453</v>
      </c>
      <c r="I794" s="8" t="s">
        <v>2414</v>
      </c>
      <c r="J794" s="11" t="s">
        <v>2415</v>
      </c>
      <c r="K794" s="8">
        <v>14</v>
      </c>
      <c r="L794" s="8">
        <v>100333788</v>
      </c>
      <c r="M794" s="8">
        <v>100376805</v>
      </c>
      <c r="N794" s="12">
        <v>-1</v>
      </c>
      <c r="T794" s="25"/>
      <c r="U794" s="25"/>
    </row>
    <row r="795" spans="1:21" ht="85.5" x14ac:dyDescent="0.2">
      <c r="A795" s="8" t="s">
        <v>2416</v>
      </c>
      <c r="B795" s="8">
        <v>0.160189335645474</v>
      </c>
      <c r="C795" s="8">
        <v>7.21947567901291</v>
      </c>
      <c r="D795" s="8">
        <v>4.5525379014690701</v>
      </c>
      <c r="E795" s="26">
        <v>1.68122183080363E-4</v>
      </c>
      <c r="F795" s="8">
        <v>3.48645466978041E-4</v>
      </c>
      <c r="G795" s="8">
        <v>-1.2813517815896101</v>
      </c>
      <c r="H795" s="8">
        <v>4089</v>
      </c>
      <c r="I795" s="8" t="s">
        <v>2417</v>
      </c>
      <c r="J795" s="11" t="s">
        <v>2418</v>
      </c>
      <c r="K795" s="8">
        <v>18</v>
      </c>
      <c r="L795" s="8">
        <v>51028394</v>
      </c>
      <c r="M795" s="8">
        <v>51085045</v>
      </c>
      <c r="N795" s="12">
        <v>1</v>
      </c>
    </row>
    <row r="796" spans="1:21" ht="99.75" x14ac:dyDescent="0.2">
      <c r="A796" s="8" t="s">
        <v>2419</v>
      </c>
      <c r="B796" s="8">
        <v>0.190329554952404</v>
      </c>
      <c r="C796" s="8">
        <v>6.4686283551184598</v>
      </c>
      <c r="D796" s="8">
        <v>4.5496276572438203</v>
      </c>
      <c r="E796" s="26">
        <v>1.6930165667364901E-4</v>
      </c>
      <c r="F796" s="8">
        <v>3.5082005976337102E-4</v>
      </c>
      <c r="G796" s="8">
        <v>-1.2357903359817199</v>
      </c>
      <c r="H796" s="8">
        <v>79665</v>
      </c>
      <c r="I796" s="8" t="s">
        <v>2420</v>
      </c>
      <c r="J796" s="11" t="s">
        <v>2421</v>
      </c>
      <c r="K796" s="8">
        <v>17</v>
      </c>
      <c r="L796" s="8">
        <v>59565525</v>
      </c>
      <c r="M796" s="8">
        <v>59608345</v>
      </c>
      <c r="N796" s="12">
        <v>1</v>
      </c>
      <c r="T796" s="25"/>
      <c r="U796" s="25"/>
    </row>
    <row r="797" spans="1:21" ht="156.75" x14ac:dyDescent="0.2">
      <c r="A797" s="8" t="s">
        <v>2422</v>
      </c>
      <c r="B797" s="8">
        <v>-0.20589052735619001</v>
      </c>
      <c r="C797" s="8">
        <v>5.5343370787526496</v>
      </c>
      <c r="D797" s="8">
        <v>-4.5484890385109296</v>
      </c>
      <c r="E797" s="26">
        <v>1.69765381189746E-4</v>
      </c>
      <c r="F797" s="8">
        <v>3.5155364893472399E-4</v>
      </c>
      <c r="G797" s="8">
        <v>-1.1182478602907899</v>
      </c>
      <c r="H797" s="8">
        <v>79622</v>
      </c>
      <c r="I797" s="8" t="s">
        <v>2423</v>
      </c>
      <c r="J797" s="11" t="s">
        <v>2424</v>
      </c>
      <c r="K797" s="8">
        <v>16</v>
      </c>
      <c r="L797" s="8">
        <v>53010</v>
      </c>
      <c r="M797" s="8">
        <v>57669</v>
      </c>
      <c r="N797" s="12">
        <v>1</v>
      </c>
    </row>
    <row r="798" spans="1:21" ht="128.25" x14ac:dyDescent="0.2">
      <c r="A798" s="8" t="s">
        <v>2425</v>
      </c>
      <c r="B798" s="8">
        <v>-0.43904807751423902</v>
      </c>
      <c r="C798" s="8">
        <v>2.3036852155516101</v>
      </c>
      <c r="D798" s="8">
        <v>-4.5355945662388804</v>
      </c>
      <c r="E798" s="26">
        <v>1.7510688079488501E-4</v>
      </c>
      <c r="F798" s="8">
        <v>3.61864671332303E-4</v>
      </c>
      <c r="G798" s="8">
        <v>-0.33763980775537</v>
      </c>
      <c r="H798" s="8">
        <v>147965</v>
      </c>
      <c r="I798" s="8" t="s">
        <v>2426</v>
      </c>
      <c r="J798" s="11" t="s">
        <v>2427</v>
      </c>
      <c r="K798" s="8">
        <v>19</v>
      </c>
      <c r="L798" s="8">
        <v>38403135</v>
      </c>
      <c r="M798" s="8">
        <v>38409088</v>
      </c>
      <c r="N798" s="12">
        <v>1</v>
      </c>
    </row>
    <row r="799" spans="1:21" ht="142.5" x14ac:dyDescent="0.2">
      <c r="A799" s="8" t="s">
        <v>2428</v>
      </c>
      <c r="B799" s="8">
        <v>0.169245212453666</v>
      </c>
      <c r="C799" s="8">
        <v>6.7379225117739203</v>
      </c>
      <c r="D799" s="8">
        <v>4.5350457201715599</v>
      </c>
      <c r="E799" s="26">
        <v>1.7533795085728201E-4</v>
      </c>
      <c r="F799" s="8">
        <v>3.6222385079671699E-4</v>
      </c>
      <c r="G799" s="8">
        <v>-1.29209286660642</v>
      </c>
      <c r="H799" s="8">
        <v>51143</v>
      </c>
      <c r="I799" s="8" t="s">
        <v>2429</v>
      </c>
      <c r="J799" s="11" t="s">
        <v>2430</v>
      </c>
      <c r="K799" s="8">
        <v>3</v>
      </c>
      <c r="L799" s="8">
        <v>32525971</v>
      </c>
      <c r="M799" s="8">
        <v>32570874</v>
      </c>
      <c r="N799" s="12">
        <v>-1</v>
      </c>
      <c r="T799" s="25"/>
      <c r="U799" s="25"/>
    </row>
    <row r="800" spans="1:21" ht="114" x14ac:dyDescent="0.2">
      <c r="A800" s="8" t="s">
        <v>2431</v>
      </c>
      <c r="B800" s="8">
        <v>0.21202608837221801</v>
      </c>
      <c r="C800" s="8">
        <v>5.3965676036938204</v>
      </c>
      <c r="D800" s="8">
        <v>4.5270298508316396</v>
      </c>
      <c r="E800" s="26">
        <v>1.78747858189369E-4</v>
      </c>
      <c r="F800" s="8">
        <v>3.6870631574561499E-4</v>
      </c>
      <c r="G800" s="8">
        <v>-1.15456137752823</v>
      </c>
      <c r="H800" s="8">
        <v>55173</v>
      </c>
      <c r="I800" s="8" t="s">
        <v>2432</v>
      </c>
      <c r="J800" s="11" t="s">
        <v>2433</v>
      </c>
      <c r="K800" s="8">
        <v>6</v>
      </c>
      <c r="L800" s="8">
        <v>42206801</v>
      </c>
      <c r="M800" s="8">
        <v>42217865</v>
      </c>
      <c r="N800" s="12">
        <v>-1</v>
      </c>
      <c r="T800" s="25"/>
      <c r="U800" s="25"/>
    </row>
    <row r="801" spans="1:21" ht="142.5" x14ac:dyDescent="0.2">
      <c r="A801" s="8" t="s">
        <v>2434</v>
      </c>
      <c r="B801" s="8">
        <v>0.39667929461618501</v>
      </c>
      <c r="C801" s="8">
        <v>3.1133362711681598</v>
      </c>
      <c r="D801" s="8">
        <v>4.5197334553814397</v>
      </c>
      <c r="E801" s="26">
        <v>1.8190962646066799E-4</v>
      </c>
      <c r="F801" s="8">
        <v>3.7494286752949899E-4</v>
      </c>
      <c r="G801" s="8">
        <v>-0.62795624820385199</v>
      </c>
      <c r="H801" s="8">
        <v>92092</v>
      </c>
      <c r="I801" s="8" t="s">
        <v>2435</v>
      </c>
      <c r="J801" s="11" t="s">
        <v>2436</v>
      </c>
      <c r="K801" s="8">
        <v>7</v>
      </c>
      <c r="L801" s="8">
        <v>139025706</v>
      </c>
      <c r="M801" s="8">
        <v>139036029</v>
      </c>
      <c r="N801" s="12">
        <v>-1</v>
      </c>
      <c r="T801" s="25"/>
      <c r="U801" s="25"/>
    </row>
    <row r="802" spans="1:21" ht="99.75" x14ac:dyDescent="0.2">
      <c r="A802" s="8" t="s">
        <v>2437</v>
      </c>
      <c r="B802" s="8">
        <v>-0.177048057189957</v>
      </c>
      <c r="C802" s="8">
        <v>7.5724655456347696</v>
      </c>
      <c r="D802" s="8">
        <v>-4.4999041813393204</v>
      </c>
      <c r="E802" s="26">
        <v>1.9078916349418799E-4</v>
      </c>
      <c r="F802" s="8">
        <v>3.9205262107517202E-4</v>
      </c>
      <c r="G802" s="8">
        <v>-1.4274330118304399</v>
      </c>
      <c r="H802" s="8" t="s">
        <v>2438</v>
      </c>
      <c r="I802" s="8" t="s">
        <v>2439</v>
      </c>
      <c r="J802" s="11" t="s">
        <v>2440</v>
      </c>
      <c r="K802" s="8">
        <v>12</v>
      </c>
      <c r="L802" s="8">
        <v>57475445</v>
      </c>
      <c r="M802" s="8">
        <v>57517569</v>
      </c>
      <c r="N802" s="12">
        <v>1</v>
      </c>
    </row>
    <row r="803" spans="1:21" ht="99.75" x14ac:dyDescent="0.2">
      <c r="A803" s="8" t="s">
        <v>2441</v>
      </c>
      <c r="B803" s="8">
        <v>0.147745190306979</v>
      </c>
      <c r="C803" s="8">
        <v>7.2500770201948503</v>
      </c>
      <c r="D803" s="8">
        <v>4.4908203069077999</v>
      </c>
      <c r="E803" s="26">
        <v>1.95001124016212E-4</v>
      </c>
      <c r="F803" s="8">
        <v>4.0001473683446602E-4</v>
      </c>
      <c r="G803" s="8">
        <v>-1.43214644021381</v>
      </c>
      <c r="H803" s="8">
        <v>4134</v>
      </c>
      <c r="I803" s="8" t="s">
        <v>2442</v>
      </c>
      <c r="J803" s="11" t="s">
        <v>2443</v>
      </c>
      <c r="K803" s="8">
        <v>3</v>
      </c>
      <c r="L803" s="8">
        <v>47850690</v>
      </c>
      <c r="M803" s="8">
        <v>48089272</v>
      </c>
      <c r="N803" s="12">
        <v>-1</v>
      </c>
      <c r="T803" s="25"/>
      <c r="U803" s="25"/>
    </row>
    <row r="804" spans="1:21" ht="99.75" x14ac:dyDescent="0.2">
      <c r="A804" s="8" t="s">
        <v>2444</v>
      </c>
      <c r="B804" s="8">
        <v>0.21542686702921701</v>
      </c>
      <c r="C804" s="8">
        <v>5.6301659896083098</v>
      </c>
      <c r="D804" s="8">
        <v>4.4884151848160503</v>
      </c>
      <c r="E804" s="26">
        <v>1.9613187463728699E-4</v>
      </c>
      <c r="F804" s="8">
        <v>4.02247334377152E-4</v>
      </c>
      <c r="G804" s="8">
        <v>-1.2854631199831701</v>
      </c>
      <c r="H804" s="8">
        <v>6133</v>
      </c>
      <c r="I804" s="8" t="s">
        <v>2445</v>
      </c>
      <c r="J804" s="11" t="s">
        <v>2446</v>
      </c>
      <c r="K804" s="8">
        <v>4</v>
      </c>
      <c r="L804" s="8">
        <v>39454124</v>
      </c>
      <c r="M804" s="8">
        <v>39458948</v>
      </c>
      <c r="N804" s="12">
        <v>-1</v>
      </c>
      <c r="T804" s="25"/>
      <c r="U804" s="25"/>
    </row>
    <row r="805" spans="1:21" ht="128.25" x14ac:dyDescent="0.2">
      <c r="A805" s="8" t="s">
        <v>2447</v>
      </c>
      <c r="B805" s="8">
        <v>0.16354156733804701</v>
      </c>
      <c r="C805" s="8">
        <v>6.6698325217789503</v>
      </c>
      <c r="D805" s="8">
        <v>4.4882563298953801</v>
      </c>
      <c r="E805" s="26">
        <v>1.96206790579598E-4</v>
      </c>
      <c r="F805" s="8">
        <v>4.0235749565906999E-4</v>
      </c>
      <c r="G805" s="8">
        <v>-1.4000138425467401</v>
      </c>
      <c r="H805" s="8">
        <v>9406</v>
      </c>
      <c r="I805" s="8" t="s">
        <v>2448</v>
      </c>
      <c r="J805" s="11" t="s">
        <v>2449</v>
      </c>
      <c r="K805" s="8">
        <v>1</v>
      </c>
      <c r="L805" s="8">
        <v>71063291</v>
      </c>
      <c r="M805" s="8">
        <v>71081297</v>
      </c>
      <c r="N805" s="12">
        <v>-1</v>
      </c>
      <c r="T805" s="25"/>
    </row>
    <row r="806" spans="1:21" ht="114" x14ac:dyDescent="0.2">
      <c r="A806" s="8" t="s">
        <v>2450</v>
      </c>
      <c r="B806" s="8">
        <v>0.15531642177368199</v>
      </c>
      <c r="C806" s="8">
        <v>6.8906790131042497</v>
      </c>
      <c r="D806" s="8">
        <v>4.4820826079467802</v>
      </c>
      <c r="E806" s="26">
        <v>1.9914068997612999E-4</v>
      </c>
      <c r="F806" s="8">
        <v>4.08065314078071E-4</v>
      </c>
      <c r="G806" s="8">
        <v>-1.43047689506888</v>
      </c>
      <c r="H806" s="8">
        <v>26097</v>
      </c>
      <c r="I806" s="8" t="s">
        <v>2451</v>
      </c>
      <c r="J806" s="11" t="s">
        <v>2452</v>
      </c>
      <c r="K806" s="8">
        <v>1</v>
      </c>
      <c r="L806" s="8">
        <v>153633982</v>
      </c>
      <c r="M806" s="8">
        <v>153646306</v>
      </c>
      <c r="N806" s="12">
        <v>1</v>
      </c>
    </row>
    <row r="807" spans="1:21" ht="114" x14ac:dyDescent="0.2">
      <c r="A807" s="8" t="s">
        <v>2453</v>
      </c>
      <c r="B807" s="8">
        <v>0.18105249639778301</v>
      </c>
      <c r="C807" s="8">
        <v>6.8302467363416204</v>
      </c>
      <c r="D807" s="8">
        <v>4.4785537729687501</v>
      </c>
      <c r="E807" s="26">
        <v>2.0083742620163999E-4</v>
      </c>
      <c r="F807" s="8">
        <v>4.11186949727968E-4</v>
      </c>
      <c r="G807" s="8">
        <v>-1.4350121212381499</v>
      </c>
      <c r="H807" s="8">
        <v>54439</v>
      </c>
      <c r="I807" s="8" t="s">
        <v>2454</v>
      </c>
      <c r="J807" s="11" t="s">
        <v>2455</v>
      </c>
      <c r="K807" s="8">
        <v>5</v>
      </c>
      <c r="L807" s="8">
        <v>146203600</v>
      </c>
      <c r="M807" s="8">
        <v>146289132</v>
      </c>
      <c r="N807" s="12">
        <v>1</v>
      </c>
    </row>
    <row r="808" spans="1:21" ht="156.75" x14ac:dyDescent="0.2">
      <c r="A808" s="8" t="s">
        <v>2456</v>
      </c>
      <c r="B808" s="8">
        <v>0.21009962056595399</v>
      </c>
      <c r="C808" s="8">
        <v>6.3561162528590902</v>
      </c>
      <c r="D808" s="8">
        <v>4.4762934216460604</v>
      </c>
      <c r="E808" s="26">
        <v>2.01931870432105E-4</v>
      </c>
      <c r="F808" s="8">
        <v>4.13293906944571E-4</v>
      </c>
      <c r="G808" s="8">
        <v>-1.40278533808329</v>
      </c>
      <c r="H808" s="8">
        <v>6631</v>
      </c>
      <c r="I808" s="8" t="s">
        <v>2457</v>
      </c>
      <c r="J808" s="11" t="s">
        <v>2458</v>
      </c>
      <c r="K808" s="8">
        <v>6</v>
      </c>
      <c r="L808" s="8">
        <v>34757406</v>
      </c>
      <c r="M808" s="8">
        <v>34773794</v>
      </c>
      <c r="N808" s="12">
        <v>1</v>
      </c>
      <c r="T808" s="25"/>
    </row>
    <row r="809" spans="1:21" ht="114" x14ac:dyDescent="0.2">
      <c r="A809" s="8" t="s">
        <v>2459</v>
      </c>
      <c r="B809" s="8">
        <v>-0.164950427583957</v>
      </c>
      <c r="C809" s="8">
        <v>6.9429762151134797</v>
      </c>
      <c r="D809" s="8">
        <v>-4.4635215055264599</v>
      </c>
      <c r="E809" s="26">
        <v>2.08229426608283E-4</v>
      </c>
      <c r="F809" s="8">
        <v>4.2522003967990901E-4</v>
      </c>
      <c r="G809" s="8">
        <v>-1.4765572699687399</v>
      </c>
      <c r="H809" s="8">
        <v>23107</v>
      </c>
      <c r="I809" s="8" t="s">
        <v>2460</v>
      </c>
      <c r="J809" s="11" t="s">
        <v>2461</v>
      </c>
      <c r="K809" s="8">
        <v>5</v>
      </c>
      <c r="L809" s="8">
        <v>72219409</v>
      </c>
      <c r="M809" s="8">
        <v>72320646</v>
      </c>
      <c r="N809" s="12">
        <v>-1</v>
      </c>
      <c r="T809" s="25"/>
    </row>
    <row r="810" spans="1:21" ht="85.5" x14ac:dyDescent="0.2">
      <c r="A810" s="8" t="s">
        <v>2462</v>
      </c>
      <c r="B810" s="8">
        <v>-0.29596522120596602</v>
      </c>
      <c r="C810" s="8">
        <v>4.6384590283549603</v>
      </c>
      <c r="D810" s="8">
        <v>-4.4469280025649596</v>
      </c>
      <c r="E810" s="26">
        <v>2.16706802181974E-4</v>
      </c>
      <c r="F810" s="8">
        <v>4.4124946191065599E-4</v>
      </c>
      <c r="G810" s="8">
        <v>-1.18269627556183</v>
      </c>
      <c r="H810" s="8">
        <v>11273</v>
      </c>
      <c r="I810" s="8" t="s">
        <v>2463</v>
      </c>
      <c r="J810" s="11" t="s">
        <v>2464</v>
      </c>
      <c r="K810" s="8">
        <v>16</v>
      </c>
      <c r="L810" s="8">
        <v>28823035</v>
      </c>
      <c r="M810" s="8">
        <v>28837237</v>
      </c>
      <c r="N810" s="12">
        <v>1</v>
      </c>
    </row>
    <row r="811" spans="1:21" ht="114" x14ac:dyDescent="0.2">
      <c r="A811" s="8" t="s">
        <v>2465</v>
      </c>
      <c r="B811" s="8">
        <v>0.20074273372950099</v>
      </c>
      <c r="C811" s="8">
        <v>5.8662586336531497</v>
      </c>
      <c r="D811" s="8">
        <v>4.4313774060004603</v>
      </c>
      <c r="E811" s="26">
        <v>2.2496560637421401E-4</v>
      </c>
      <c r="F811" s="8">
        <v>4.5698697411297902E-4</v>
      </c>
      <c r="G811" s="8">
        <v>-1.45640529869255</v>
      </c>
      <c r="H811" s="8">
        <v>26024</v>
      </c>
      <c r="I811" s="8" t="s">
        <v>2466</v>
      </c>
      <c r="J811" s="11" t="s">
        <v>2467</v>
      </c>
      <c r="K811" s="8">
        <v>7</v>
      </c>
      <c r="L811" s="8">
        <v>99416739</v>
      </c>
      <c r="M811" s="8">
        <v>99466163</v>
      </c>
      <c r="N811" s="12">
        <v>-1</v>
      </c>
      <c r="T811" s="25"/>
      <c r="U811" s="25"/>
    </row>
    <row r="812" spans="1:21" ht="142.5" x14ac:dyDescent="0.2">
      <c r="A812" s="8" t="s">
        <v>2468</v>
      </c>
      <c r="B812" s="8">
        <v>0.18613270930134701</v>
      </c>
      <c r="C812" s="8">
        <v>7.2985028443188504</v>
      </c>
      <c r="D812" s="8">
        <v>4.4216980704547</v>
      </c>
      <c r="E812" s="26">
        <v>2.3026497668998899E-4</v>
      </c>
      <c r="F812" s="8">
        <v>4.6715185617339299E-4</v>
      </c>
      <c r="G812" s="8">
        <v>-1.6020747949523699</v>
      </c>
      <c r="H812" s="8">
        <v>22913</v>
      </c>
      <c r="I812" s="8" t="s">
        <v>2469</v>
      </c>
      <c r="J812" s="11" t="s">
        <v>2470</v>
      </c>
      <c r="K812" s="8">
        <v>20</v>
      </c>
      <c r="L812" s="8">
        <v>33993646</v>
      </c>
      <c r="M812" s="8">
        <v>34108308</v>
      </c>
      <c r="N812" s="12">
        <v>1</v>
      </c>
    </row>
    <row r="813" spans="1:21" ht="114" x14ac:dyDescent="0.2">
      <c r="A813" s="8" t="s">
        <v>2471</v>
      </c>
      <c r="B813" s="8">
        <v>0.32526259092144799</v>
      </c>
      <c r="C813" s="8">
        <v>5.0608855716530803</v>
      </c>
      <c r="D813" s="8">
        <v>4.4210879275908797</v>
      </c>
      <c r="E813" s="26">
        <v>2.30603191957628E-4</v>
      </c>
      <c r="F813" s="8">
        <v>4.6773800489310799E-4</v>
      </c>
      <c r="G813" s="8">
        <v>-1.3495569651275401</v>
      </c>
      <c r="H813" s="8">
        <v>54552</v>
      </c>
      <c r="I813" s="8" t="s">
        <v>2472</v>
      </c>
      <c r="J813" s="11" t="s">
        <v>2473</v>
      </c>
      <c r="K813" s="8" t="s">
        <v>108</v>
      </c>
      <c r="L813" s="8">
        <v>54530211</v>
      </c>
      <c r="M813" s="8">
        <v>54561071</v>
      </c>
      <c r="N813" s="12">
        <v>1</v>
      </c>
    </row>
    <row r="814" spans="1:21" ht="114" x14ac:dyDescent="0.2">
      <c r="A814" s="8" t="s">
        <v>2474</v>
      </c>
      <c r="B814" s="8">
        <v>0.22470921004045699</v>
      </c>
      <c r="C814" s="8">
        <v>5.0012731655280902</v>
      </c>
      <c r="D814" s="8">
        <v>4.4180571053704796</v>
      </c>
      <c r="E814" s="26">
        <v>2.3229064321757801E-4</v>
      </c>
      <c r="F814" s="8">
        <v>4.7085874133091001E-4</v>
      </c>
      <c r="G814" s="8">
        <v>-1.3438335652934501</v>
      </c>
      <c r="H814" s="8">
        <v>51023</v>
      </c>
      <c r="I814" s="8" t="s">
        <v>2475</v>
      </c>
      <c r="J814" s="11" t="s">
        <v>2476</v>
      </c>
      <c r="K814" s="8">
        <v>4</v>
      </c>
      <c r="L814" s="8">
        <v>83455932</v>
      </c>
      <c r="M814" s="8">
        <v>83469735</v>
      </c>
      <c r="N814" s="12">
        <v>1</v>
      </c>
    </row>
    <row r="815" spans="1:21" ht="156.75" x14ac:dyDescent="0.2">
      <c r="A815" s="8" t="s">
        <v>2477</v>
      </c>
      <c r="B815" s="8">
        <v>0.21112342270448001</v>
      </c>
      <c r="C815" s="8">
        <v>4.9450021860207301</v>
      </c>
      <c r="D815" s="8">
        <v>4.4107553689811896</v>
      </c>
      <c r="E815" s="26">
        <v>2.3640703322635301E-4</v>
      </c>
      <c r="F815" s="8">
        <v>4.7864037869801502E-4</v>
      </c>
      <c r="G815" s="8">
        <v>-1.3497425513482599</v>
      </c>
      <c r="H815" s="8">
        <v>57050</v>
      </c>
      <c r="I815" s="8" t="s">
        <v>2478</v>
      </c>
      <c r="J815" s="11" t="s">
        <v>2479</v>
      </c>
      <c r="K815" s="8">
        <v>4</v>
      </c>
      <c r="L815" s="8">
        <v>70688479</v>
      </c>
      <c r="M815" s="8">
        <v>70690551</v>
      </c>
      <c r="N815" s="12">
        <v>1</v>
      </c>
    </row>
    <row r="816" spans="1:21" ht="142.5" x14ac:dyDescent="0.2">
      <c r="A816" s="8" t="s">
        <v>2480</v>
      </c>
      <c r="B816" s="8">
        <v>0.18786490074267401</v>
      </c>
      <c r="C816" s="8">
        <v>6.2527525773446797</v>
      </c>
      <c r="D816" s="8">
        <v>4.4085121374864302</v>
      </c>
      <c r="E816" s="26">
        <v>2.37686300678791E-4</v>
      </c>
      <c r="F816" s="8">
        <v>4.8117910475585903E-4</v>
      </c>
      <c r="G816" s="8">
        <v>-1.5560955718859599</v>
      </c>
      <c r="H816" s="8">
        <v>81608</v>
      </c>
      <c r="I816" s="8" t="s">
        <v>2481</v>
      </c>
      <c r="J816" s="11" t="s">
        <v>2482</v>
      </c>
      <c r="K816" s="8">
        <v>4</v>
      </c>
      <c r="L816" s="8">
        <v>53377643</v>
      </c>
      <c r="M816" s="8">
        <v>53460861</v>
      </c>
      <c r="N816" s="12">
        <v>1</v>
      </c>
    </row>
    <row r="817" spans="1:21" ht="128.25" x14ac:dyDescent="0.2">
      <c r="A817" s="8" t="s">
        <v>2483</v>
      </c>
      <c r="B817" s="8">
        <v>-0.29449205645687998</v>
      </c>
      <c r="C817" s="8">
        <v>3.8981872498122501</v>
      </c>
      <c r="D817" s="8">
        <v>-4.3953546230721603</v>
      </c>
      <c r="E817" s="26">
        <v>2.4533079656184999E-4</v>
      </c>
      <c r="F817" s="8">
        <v>4.9596703167723803E-4</v>
      </c>
      <c r="G817" s="8">
        <v>-1.12234165547172</v>
      </c>
      <c r="H817" s="8">
        <v>79169</v>
      </c>
      <c r="I817" s="8" t="s">
        <v>2484</v>
      </c>
      <c r="J817" s="11" t="s">
        <v>2485</v>
      </c>
      <c r="K817" s="8">
        <v>1</v>
      </c>
      <c r="L817" s="8">
        <v>228100726</v>
      </c>
      <c r="M817" s="8">
        <v>228105411</v>
      </c>
      <c r="N817" s="12">
        <v>-1</v>
      </c>
    </row>
    <row r="818" spans="1:21" ht="156.75" x14ac:dyDescent="0.2">
      <c r="A818" s="8" t="s">
        <v>2486</v>
      </c>
      <c r="B818" s="8">
        <v>0.42721494396876297</v>
      </c>
      <c r="C818" s="8">
        <v>2.2829805201656801</v>
      </c>
      <c r="D818" s="8">
        <v>4.3916685101745196</v>
      </c>
      <c r="E818" s="26">
        <v>2.4751630415286298E-4</v>
      </c>
      <c r="F818" s="8">
        <v>5.00172175903406E-4</v>
      </c>
      <c r="G818" s="8">
        <v>-0.70419147949819405</v>
      </c>
      <c r="H818" s="8">
        <v>8233</v>
      </c>
      <c r="I818" s="8" t="s">
        <v>2487</v>
      </c>
      <c r="J818" s="11" t="s">
        <v>2488</v>
      </c>
      <c r="K818" s="8" t="s">
        <v>108</v>
      </c>
      <c r="L818" s="8">
        <v>15790472</v>
      </c>
      <c r="M818" s="8">
        <v>15823260</v>
      </c>
      <c r="N818" s="12">
        <v>1</v>
      </c>
      <c r="T818" s="25"/>
    </row>
    <row r="819" spans="1:21" ht="128.25" x14ac:dyDescent="0.2">
      <c r="A819" s="8" t="s">
        <v>2489</v>
      </c>
      <c r="B819" s="8">
        <v>0.205224955359981</v>
      </c>
      <c r="C819" s="8">
        <v>5.0002851700887803</v>
      </c>
      <c r="D819" s="8">
        <v>4.3862168654003</v>
      </c>
      <c r="E819" s="26">
        <v>2.5078444242141498E-4</v>
      </c>
      <c r="F819" s="8">
        <v>5.0639884697075896E-4</v>
      </c>
      <c r="G819" s="8">
        <v>-1.42015799621766</v>
      </c>
      <c r="H819" s="8">
        <v>55253</v>
      </c>
      <c r="I819" s="8" t="s">
        <v>2490</v>
      </c>
      <c r="J819" s="11" t="s">
        <v>2491</v>
      </c>
      <c r="K819" s="8">
        <v>7</v>
      </c>
      <c r="L819" s="8">
        <v>66995173</v>
      </c>
      <c r="M819" s="8">
        <v>67239519</v>
      </c>
      <c r="N819" s="12">
        <v>1</v>
      </c>
    </row>
    <row r="820" spans="1:21" ht="128.25" x14ac:dyDescent="0.2">
      <c r="A820" s="8" t="s">
        <v>2492</v>
      </c>
      <c r="B820" s="8">
        <v>0.188593956700014</v>
      </c>
      <c r="C820" s="8">
        <v>8.1297933906036999</v>
      </c>
      <c r="D820" s="8">
        <v>4.3818789364706099</v>
      </c>
      <c r="E820" s="26">
        <v>2.5341581825380098E-4</v>
      </c>
      <c r="F820" s="8">
        <v>5.1133141765044002E-4</v>
      </c>
      <c r="G820" s="8">
        <v>-1.74542599023661</v>
      </c>
      <c r="H820" s="8">
        <v>55660</v>
      </c>
      <c r="I820" s="8" t="s">
        <v>2493</v>
      </c>
      <c r="J820" s="11" t="s">
        <v>2494</v>
      </c>
      <c r="K820" s="8">
        <v>2</v>
      </c>
      <c r="L820" s="8">
        <v>152651593</v>
      </c>
      <c r="M820" s="8">
        <v>152717997</v>
      </c>
      <c r="N820" s="12">
        <v>-1</v>
      </c>
    </row>
    <row r="821" spans="1:21" ht="114" x14ac:dyDescent="0.2">
      <c r="A821" s="8" t="s">
        <v>2495</v>
      </c>
      <c r="B821" s="8">
        <v>0.18856585360272801</v>
      </c>
      <c r="C821" s="8">
        <v>6.6005239396294701</v>
      </c>
      <c r="D821" s="8">
        <v>4.3680803150291201</v>
      </c>
      <c r="E821" s="26">
        <v>2.6197150772708699E-4</v>
      </c>
      <c r="F821" s="8">
        <v>5.2747302940444902E-4</v>
      </c>
      <c r="G821" s="8">
        <v>-1.6847725677357199</v>
      </c>
      <c r="H821" s="8">
        <v>58508</v>
      </c>
      <c r="I821" s="8" t="s">
        <v>2496</v>
      </c>
      <c r="J821" s="11" t="s">
        <v>2497</v>
      </c>
      <c r="K821" s="8">
        <v>7</v>
      </c>
      <c r="L821" s="8">
        <v>152134922</v>
      </c>
      <c r="M821" s="8">
        <v>152436005</v>
      </c>
      <c r="N821" s="12">
        <v>-1</v>
      </c>
    </row>
    <row r="822" spans="1:21" ht="142.5" x14ac:dyDescent="0.2">
      <c r="A822" s="8" t="s">
        <v>2498</v>
      </c>
      <c r="B822" s="8">
        <v>0.25972100899456402</v>
      </c>
      <c r="C822" s="8">
        <v>5.7200410252968599</v>
      </c>
      <c r="D822" s="8">
        <v>4.36499427873746</v>
      </c>
      <c r="E822" s="26">
        <v>2.6392425270457001E-4</v>
      </c>
      <c r="F822" s="8">
        <v>5.3111611020942198E-4</v>
      </c>
      <c r="G822" s="8">
        <v>-1.5969341820010801</v>
      </c>
      <c r="H822" s="8">
        <v>51388</v>
      </c>
      <c r="I822" s="8" t="s">
        <v>2499</v>
      </c>
      <c r="J822" s="11" t="s">
        <v>2500</v>
      </c>
      <c r="K822" s="8">
        <v>16</v>
      </c>
      <c r="L822" s="8">
        <v>69339430</v>
      </c>
      <c r="M822" s="8">
        <v>69343111</v>
      </c>
      <c r="N822" s="12">
        <v>1</v>
      </c>
    </row>
    <row r="823" spans="1:21" ht="99.75" x14ac:dyDescent="0.2">
      <c r="A823" s="8" t="s">
        <v>2501</v>
      </c>
      <c r="B823" s="8">
        <v>0.36999103959815199</v>
      </c>
      <c r="C823" s="8">
        <v>3.7027301839171498</v>
      </c>
      <c r="D823" s="8">
        <v>4.35788775013713</v>
      </c>
      <c r="E823" s="26">
        <v>2.6847669743388102E-4</v>
      </c>
      <c r="F823" s="8">
        <v>5.3959778513056099E-4</v>
      </c>
      <c r="G823" s="8">
        <v>-1.1781874189198001</v>
      </c>
      <c r="H823" s="8">
        <v>56915</v>
      </c>
      <c r="I823" s="8" t="s">
        <v>2502</v>
      </c>
      <c r="J823" s="11" t="s">
        <v>2503</v>
      </c>
      <c r="K823" s="8">
        <v>19</v>
      </c>
      <c r="L823" s="8">
        <v>41386374</v>
      </c>
      <c r="M823" s="8">
        <v>41397479</v>
      </c>
      <c r="N823" s="12">
        <v>-1</v>
      </c>
    </row>
    <row r="824" spans="1:21" ht="114" x14ac:dyDescent="0.2">
      <c r="A824" s="8" t="s">
        <v>2504</v>
      </c>
      <c r="B824" s="8">
        <v>-0.158270603764981</v>
      </c>
      <c r="C824" s="8">
        <v>7.1429515908918404</v>
      </c>
      <c r="D824" s="8">
        <v>-4.3570015151200403</v>
      </c>
      <c r="E824" s="26">
        <v>2.6904991152693102E-4</v>
      </c>
      <c r="F824" s="8">
        <v>5.4057810175188697E-4</v>
      </c>
      <c r="G824" s="8">
        <v>-1.7465076079366799</v>
      </c>
      <c r="H824" s="8">
        <v>29890</v>
      </c>
      <c r="I824" s="8" t="s">
        <v>2505</v>
      </c>
      <c r="J824" s="11" t="s">
        <v>2506</v>
      </c>
      <c r="K824" s="8">
        <v>3</v>
      </c>
      <c r="L824" s="8">
        <v>51391268</v>
      </c>
      <c r="M824" s="8">
        <v>51397908</v>
      </c>
      <c r="N824" s="12">
        <v>1</v>
      </c>
      <c r="T824" s="25"/>
    </row>
    <row r="825" spans="1:21" ht="114" x14ac:dyDescent="0.2">
      <c r="A825" s="8" t="s">
        <v>2507</v>
      </c>
      <c r="B825" s="8">
        <v>0.26905359736631401</v>
      </c>
      <c r="C825" s="8">
        <v>4.3831655153293196</v>
      </c>
      <c r="D825" s="8">
        <v>4.3512535682532896</v>
      </c>
      <c r="E825" s="26">
        <v>2.7279755590931801E-4</v>
      </c>
      <c r="F825" s="8">
        <v>5.4770199095335696E-4</v>
      </c>
      <c r="G825" s="8">
        <v>-1.3673946966821899</v>
      </c>
      <c r="H825" s="8">
        <v>1787</v>
      </c>
      <c r="I825" s="8" t="s">
        <v>2508</v>
      </c>
      <c r="J825" s="11" t="s">
        <v>2509</v>
      </c>
      <c r="K825" s="8">
        <v>10</v>
      </c>
      <c r="L825" s="8">
        <v>17142254</v>
      </c>
      <c r="M825" s="8">
        <v>17202054</v>
      </c>
      <c r="N825" s="12">
        <v>-1</v>
      </c>
    </row>
    <row r="826" spans="1:21" ht="142.5" x14ac:dyDescent="0.2">
      <c r="A826" s="8" t="s">
        <v>2510</v>
      </c>
      <c r="B826" s="8">
        <v>0.19527705833940001</v>
      </c>
      <c r="C826" s="8">
        <v>6.7625072110329603</v>
      </c>
      <c r="D826" s="8">
        <v>4.3465168228533297</v>
      </c>
      <c r="E826" s="26">
        <v>2.7592518356921798E-4</v>
      </c>
      <c r="F826" s="8">
        <v>5.5368850677731303E-4</v>
      </c>
      <c r="G826" s="8">
        <v>-1.7488743509776801</v>
      </c>
      <c r="H826" s="8">
        <v>6632</v>
      </c>
      <c r="I826" s="8" t="s">
        <v>2511</v>
      </c>
      <c r="J826" s="11" t="s">
        <v>2512</v>
      </c>
      <c r="K826" s="8">
        <v>18</v>
      </c>
      <c r="L826" s="8">
        <v>21612267</v>
      </c>
      <c r="M826" s="8">
        <v>21633524</v>
      </c>
      <c r="N826" s="12">
        <v>1</v>
      </c>
      <c r="T826" s="25"/>
      <c r="U826" s="25"/>
    </row>
    <row r="827" spans="1:21" ht="114" x14ac:dyDescent="0.2">
      <c r="A827" s="8" t="s">
        <v>2513</v>
      </c>
      <c r="B827" s="8">
        <v>0.17098524313958699</v>
      </c>
      <c r="C827" s="8">
        <v>6.1730732989964601</v>
      </c>
      <c r="D827" s="8">
        <v>4.3425028451869201</v>
      </c>
      <c r="E827" s="26">
        <v>2.7860368236632798E-4</v>
      </c>
      <c r="F827" s="8">
        <v>5.58886054996386E-4</v>
      </c>
      <c r="G827" s="8">
        <v>-1.7068522548353899</v>
      </c>
      <c r="H827" s="8">
        <v>60528</v>
      </c>
      <c r="I827" s="8" t="s">
        <v>2514</v>
      </c>
      <c r="J827" s="11" t="s">
        <v>2515</v>
      </c>
      <c r="K827" s="8">
        <v>17</v>
      </c>
      <c r="L827" s="8">
        <v>12992391</v>
      </c>
      <c r="M827" s="8">
        <v>13018187</v>
      </c>
      <c r="N827" s="12">
        <v>-1</v>
      </c>
      <c r="T827" s="25"/>
      <c r="U827" s="25"/>
    </row>
    <row r="828" spans="1:21" ht="114" x14ac:dyDescent="0.2">
      <c r="A828" s="8" t="s">
        <v>2516</v>
      </c>
      <c r="B828" s="8">
        <v>0.17263511831141401</v>
      </c>
      <c r="C828" s="8">
        <v>6.5993504678627497</v>
      </c>
      <c r="D828" s="8">
        <v>4.3288491295935803</v>
      </c>
      <c r="E828" s="26">
        <v>2.8791123903725398E-4</v>
      </c>
      <c r="F828" s="8">
        <v>5.7664291115672596E-4</v>
      </c>
      <c r="G828" s="8">
        <v>-1.77914996957736</v>
      </c>
      <c r="H828" s="8">
        <v>55623</v>
      </c>
      <c r="I828" s="8" t="s">
        <v>2517</v>
      </c>
      <c r="J828" s="11" t="s">
        <v>2518</v>
      </c>
      <c r="K828" s="8">
        <v>16</v>
      </c>
      <c r="L828" s="8">
        <v>20702816</v>
      </c>
      <c r="M828" s="8">
        <v>20742084</v>
      </c>
      <c r="N828" s="12">
        <v>-1</v>
      </c>
      <c r="T828" s="25"/>
      <c r="U828" s="25"/>
    </row>
    <row r="829" spans="1:21" ht="114" x14ac:dyDescent="0.2">
      <c r="A829" s="8" t="s">
        <v>2519</v>
      </c>
      <c r="B829" s="8">
        <v>0.240450824088872</v>
      </c>
      <c r="C829" s="8">
        <v>6.01060225399657</v>
      </c>
      <c r="D829" s="8">
        <v>4.3227904684366001</v>
      </c>
      <c r="E829" s="26">
        <v>2.9214051034293E-4</v>
      </c>
      <c r="F829" s="8">
        <v>5.8468155080972095E-4</v>
      </c>
      <c r="G829" s="8">
        <v>-1.7364906415808401</v>
      </c>
      <c r="H829" s="8">
        <v>55299</v>
      </c>
      <c r="I829" s="8" t="s">
        <v>2520</v>
      </c>
      <c r="J829" s="11" t="s">
        <v>2521</v>
      </c>
      <c r="K829" s="8">
        <v>5</v>
      </c>
      <c r="L829" s="8">
        <v>34915376</v>
      </c>
      <c r="M829" s="8">
        <v>34925996</v>
      </c>
      <c r="N829" s="12">
        <v>1</v>
      </c>
    </row>
    <row r="830" spans="1:21" ht="99.75" x14ac:dyDescent="0.2">
      <c r="A830" s="8" t="s">
        <v>2522</v>
      </c>
      <c r="B830" s="8">
        <v>0.20374079250384999</v>
      </c>
      <c r="C830" s="8">
        <v>5.7678417969686802</v>
      </c>
      <c r="D830" s="8">
        <v>4.3221103076025598</v>
      </c>
      <c r="E830" s="26">
        <v>2.92619167144701E-4</v>
      </c>
      <c r="F830" s="8">
        <v>5.8557776388326295E-4</v>
      </c>
      <c r="G830" s="8">
        <v>-1.70652312684728</v>
      </c>
      <c r="H830" s="8">
        <v>84844</v>
      </c>
      <c r="I830" s="8" t="s">
        <v>2523</v>
      </c>
      <c r="J830" s="11" t="s">
        <v>2524</v>
      </c>
      <c r="K830" s="8">
        <v>22</v>
      </c>
      <c r="L830" s="8">
        <v>41459717</v>
      </c>
      <c r="M830" s="8">
        <v>41468725</v>
      </c>
      <c r="N830" s="12">
        <v>-1</v>
      </c>
      <c r="T830" s="25"/>
    </row>
    <row r="831" spans="1:21" ht="114" x14ac:dyDescent="0.2">
      <c r="A831" s="8" t="s">
        <v>2525</v>
      </c>
      <c r="B831" s="8">
        <v>0.32434889823601998</v>
      </c>
      <c r="C831" s="8">
        <v>4.0440403846158901</v>
      </c>
      <c r="D831" s="8">
        <v>4.3182980152624699</v>
      </c>
      <c r="E831" s="26">
        <v>2.9531660726356198E-4</v>
      </c>
      <c r="F831" s="8">
        <v>5.9072660019401403E-4</v>
      </c>
      <c r="G831" s="8">
        <v>-1.3627422051442699</v>
      </c>
      <c r="H831" s="8">
        <v>55285</v>
      </c>
      <c r="I831" s="8" t="s">
        <v>2526</v>
      </c>
      <c r="J831" s="11" t="s">
        <v>2527</v>
      </c>
      <c r="K831" s="8" t="s">
        <v>108</v>
      </c>
      <c r="L831" s="8">
        <v>107064420</v>
      </c>
      <c r="M831" s="8">
        <v>107118823</v>
      </c>
      <c r="N831" s="12">
        <v>-1</v>
      </c>
    </row>
    <row r="832" spans="1:21" ht="171" x14ac:dyDescent="0.2">
      <c r="A832" s="8" t="s">
        <v>2528</v>
      </c>
      <c r="B832" s="8">
        <v>0.219286023294329</v>
      </c>
      <c r="C832" s="8">
        <v>6.21340645765516</v>
      </c>
      <c r="D832" s="8">
        <v>4.3157078118985899</v>
      </c>
      <c r="E832" s="26">
        <v>2.9716353475931601E-4</v>
      </c>
      <c r="F832" s="8">
        <v>5.9392021054529198E-4</v>
      </c>
      <c r="G832" s="8">
        <v>-1.7760141836480601</v>
      </c>
      <c r="H832" s="8">
        <v>23658</v>
      </c>
      <c r="I832" s="8" t="s">
        <v>2529</v>
      </c>
      <c r="J832" s="11" t="s">
        <v>2530</v>
      </c>
      <c r="K832" s="8">
        <v>7</v>
      </c>
      <c r="L832" s="8">
        <v>32485332</v>
      </c>
      <c r="M832" s="8">
        <v>32495283</v>
      </c>
      <c r="N832" s="12">
        <v>-1</v>
      </c>
    </row>
    <row r="833" spans="1:21" ht="128.25" x14ac:dyDescent="0.2">
      <c r="A833" s="8" t="s">
        <v>2531</v>
      </c>
      <c r="B833" s="8">
        <v>0.248325204666381</v>
      </c>
      <c r="C833" s="8">
        <v>5.7165729910170802</v>
      </c>
      <c r="D833" s="8">
        <v>4.3132338105555403</v>
      </c>
      <c r="E833" s="26">
        <v>2.9893840429489103E-4</v>
      </c>
      <c r="F833" s="8">
        <v>5.9715306297938495E-4</v>
      </c>
      <c r="G833" s="8">
        <v>-1.7210860838486499</v>
      </c>
      <c r="H833" s="8">
        <v>25940</v>
      </c>
      <c r="I833" s="8" t="s">
        <v>2532</v>
      </c>
      <c r="J833" s="11" t="s">
        <v>2533</v>
      </c>
      <c r="K833" s="8">
        <v>2</v>
      </c>
      <c r="L833" s="8">
        <v>33583658</v>
      </c>
      <c r="M833" s="8">
        <v>33599382</v>
      </c>
      <c r="N833" s="12">
        <v>-1</v>
      </c>
      <c r="T833" s="25"/>
      <c r="U833" s="25"/>
    </row>
    <row r="834" spans="1:21" ht="99.75" x14ac:dyDescent="0.2">
      <c r="A834" s="8" t="s">
        <v>2534</v>
      </c>
      <c r="B834" s="8">
        <v>0.16158205392514699</v>
      </c>
      <c r="C834" s="8">
        <v>6.4390649070283201</v>
      </c>
      <c r="D834" s="8">
        <v>4.3009591292053697</v>
      </c>
      <c r="E834" s="26">
        <v>3.0790258528381E-4</v>
      </c>
      <c r="F834" s="8">
        <v>6.1350980270168695E-4</v>
      </c>
      <c r="G834" s="8">
        <v>-1.8328726730131699</v>
      </c>
      <c r="H834" s="8">
        <v>7818</v>
      </c>
      <c r="I834" s="8" t="s">
        <v>2535</v>
      </c>
      <c r="J834" s="11" t="s">
        <v>2536</v>
      </c>
      <c r="K834" s="8">
        <v>1</v>
      </c>
      <c r="L834" s="8">
        <v>155687960</v>
      </c>
      <c r="M834" s="8">
        <v>155739010</v>
      </c>
      <c r="N834" s="12">
        <v>1</v>
      </c>
      <c r="T834" s="25"/>
    </row>
    <row r="835" spans="1:21" ht="128.25" x14ac:dyDescent="0.2">
      <c r="A835" s="8" t="s">
        <v>2537</v>
      </c>
      <c r="B835" s="8">
        <v>0.168314760166728</v>
      </c>
      <c r="C835" s="8">
        <v>7.6905908044667699</v>
      </c>
      <c r="D835" s="8">
        <v>4.2905402121382599</v>
      </c>
      <c r="E835" s="26">
        <v>3.1572234819042002E-4</v>
      </c>
      <c r="F835" s="8">
        <v>6.2811858473365504E-4</v>
      </c>
      <c r="G835" s="8">
        <v>-1.9410653648787599</v>
      </c>
      <c r="H835" s="8">
        <v>29883</v>
      </c>
      <c r="I835" s="8" t="s">
        <v>2538</v>
      </c>
      <c r="J835" s="11" t="s">
        <v>2539</v>
      </c>
      <c r="K835" s="8">
        <v>8</v>
      </c>
      <c r="L835" s="8">
        <v>17224964</v>
      </c>
      <c r="M835" s="8">
        <v>17246878</v>
      </c>
      <c r="N835" s="12">
        <v>-1</v>
      </c>
    </row>
    <row r="836" spans="1:21" ht="114" x14ac:dyDescent="0.2">
      <c r="A836" s="8" t="s">
        <v>2540</v>
      </c>
      <c r="B836" s="8">
        <v>-0.20910067788958001</v>
      </c>
      <c r="C836" s="8">
        <v>6.7074327495882597</v>
      </c>
      <c r="D836" s="8">
        <v>-4.2818013194045204</v>
      </c>
      <c r="E836" s="26">
        <v>3.2243427377633501E-4</v>
      </c>
      <c r="F836" s="8">
        <v>6.40849938568653E-4</v>
      </c>
      <c r="G836" s="8">
        <v>-1.89755505412329</v>
      </c>
      <c r="H836" s="8">
        <v>50804</v>
      </c>
      <c r="I836" s="8" t="s">
        <v>2541</v>
      </c>
      <c r="J836" s="11" t="s">
        <v>2542</v>
      </c>
      <c r="K836" s="8">
        <v>15</v>
      </c>
      <c r="L836" s="8">
        <v>48134631</v>
      </c>
      <c r="M836" s="8">
        <v>48178517</v>
      </c>
      <c r="N836" s="12">
        <v>-1</v>
      </c>
    </row>
    <row r="837" spans="1:21" ht="128.25" x14ac:dyDescent="0.2">
      <c r="A837" s="8" t="s">
        <v>2543</v>
      </c>
      <c r="B837" s="8">
        <v>0.36557460852357199</v>
      </c>
      <c r="C837" s="8">
        <v>3.5937995785461601</v>
      </c>
      <c r="D837" s="8">
        <v>4.2800120658402498</v>
      </c>
      <c r="E837" s="26">
        <v>3.2382602770530402E-4</v>
      </c>
      <c r="F837" s="8">
        <v>6.4341393862041101E-4</v>
      </c>
      <c r="G837" s="8">
        <v>-1.33634351128832</v>
      </c>
      <c r="H837" s="8">
        <v>84967</v>
      </c>
      <c r="I837" s="8" t="s">
        <v>2544</v>
      </c>
      <c r="J837" s="11" t="s">
        <v>2545</v>
      </c>
      <c r="K837" s="8">
        <v>1</v>
      </c>
      <c r="L837" s="8">
        <v>36391238</v>
      </c>
      <c r="M837" s="8">
        <v>36397892</v>
      </c>
      <c r="N837" s="12">
        <v>-1</v>
      </c>
    </row>
    <row r="838" spans="1:21" ht="128.25" x14ac:dyDescent="0.2">
      <c r="A838" s="8" t="s">
        <v>2546</v>
      </c>
      <c r="B838" s="8">
        <v>0.19959028457755301</v>
      </c>
      <c r="C838" s="8">
        <v>6.9994437353758503</v>
      </c>
      <c r="D838" s="8">
        <v>4.27046508859378</v>
      </c>
      <c r="E838" s="26">
        <v>3.31354298694875E-4</v>
      </c>
      <c r="F838" s="8">
        <v>6.5761457083587504E-4</v>
      </c>
      <c r="G838" s="8">
        <v>-1.94808676694078</v>
      </c>
      <c r="H838" s="8">
        <v>10921</v>
      </c>
      <c r="I838" s="8" t="s">
        <v>2547</v>
      </c>
      <c r="J838" s="11" t="s">
        <v>2548</v>
      </c>
      <c r="K838" s="8">
        <v>16</v>
      </c>
      <c r="L838" s="8">
        <v>2253116</v>
      </c>
      <c r="M838" s="8">
        <v>2268412</v>
      </c>
      <c r="N838" s="12">
        <v>-1</v>
      </c>
    </row>
    <row r="839" spans="1:21" ht="128.25" x14ac:dyDescent="0.2">
      <c r="A839" s="8" t="s">
        <v>2549</v>
      </c>
      <c r="B839" s="8">
        <v>-0.186068022302919</v>
      </c>
      <c r="C839" s="8">
        <v>5.8223536897345003</v>
      </c>
      <c r="D839" s="8">
        <v>-4.2654272785678096</v>
      </c>
      <c r="E839" s="26">
        <v>3.3539719171251303E-4</v>
      </c>
      <c r="F839" s="8">
        <v>6.6522078878849796E-4</v>
      </c>
      <c r="G839" s="8">
        <v>-1.8447720363493101</v>
      </c>
      <c r="H839" s="8">
        <v>25904</v>
      </c>
      <c r="I839" s="8" t="s">
        <v>2550</v>
      </c>
      <c r="J839" s="11" t="s">
        <v>2551</v>
      </c>
      <c r="K839" s="8">
        <v>3</v>
      </c>
      <c r="L839" s="8">
        <v>32685145</v>
      </c>
      <c r="M839" s="8">
        <v>32773875</v>
      </c>
      <c r="N839" s="12">
        <v>1</v>
      </c>
      <c r="T839" s="25"/>
      <c r="U839" s="25"/>
    </row>
    <row r="840" spans="1:21" ht="114" x14ac:dyDescent="0.2">
      <c r="A840" s="8" t="s">
        <v>2552</v>
      </c>
      <c r="B840" s="8">
        <v>0.280714353381607</v>
      </c>
      <c r="C840" s="8">
        <v>4.7303587255131703</v>
      </c>
      <c r="D840" s="8">
        <v>4.2624059246047903</v>
      </c>
      <c r="E840" s="26">
        <v>3.37845493505789E-4</v>
      </c>
      <c r="F840" s="8">
        <v>6.6979669141865395E-4</v>
      </c>
      <c r="G840" s="8">
        <v>-1.66231602236223</v>
      </c>
      <c r="H840" s="8">
        <v>26136</v>
      </c>
      <c r="I840" s="8" t="s">
        <v>2553</v>
      </c>
      <c r="J840" s="11" t="s">
        <v>2554</v>
      </c>
      <c r="K840" s="8">
        <v>7</v>
      </c>
      <c r="L840" s="8">
        <v>116210493</v>
      </c>
      <c r="M840" s="8">
        <v>116258783</v>
      </c>
      <c r="N840" s="12">
        <v>1</v>
      </c>
      <c r="T840" s="25"/>
      <c r="U840" s="25"/>
    </row>
    <row r="841" spans="1:21" ht="114" x14ac:dyDescent="0.2">
      <c r="A841" s="8" t="s">
        <v>2555</v>
      </c>
      <c r="B841" s="8">
        <v>0.183471300029346</v>
      </c>
      <c r="C841" s="8">
        <v>5.1959541458391998</v>
      </c>
      <c r="D841" s="8">
        <v>4.25764715460961</v>
      </c>
      <c r="E841" s="26">
        <v>3.41737986279221E-4</v>
      </c>
      <c r="F841" s="8">
        <v>6.7701866224248702E-4</v>
      </c>
      <c r="G841" s="8">
        <v>-1.76774674460161</v>
      </c>
      <c r="H841" s="8">
        <v>54948</v>
      </c>
      <c r="I841" s="8" t="s">
        <v>2556</v>
      </c>
      <c r="J841" s="11" t="s">
        <v>2557</v>
      </c>
      <c r="K841" s="8">
        <v>11</v>
      </c>
      <c r="L841" s="8">
        <v>59806135</v>
      </c>
      <c r="M841" s="8">
        <v>59810872</v>
      </c>
      <c r="N841" s="12">
        <v>-1</v>
      </c>
      <c r="T841" s="25"/>
      <c r="U841" s="25"/>
    </row>
    <row r="842" spans="1:21" ht="128.25" x14ac:dyDescent="0.2">
      <c r="A842" s="8" t="s">
        <v>2558</v>
      </c>
      <c r="B842" s="8">
        <v>0.29885573822952199</v>
      </c>
      <c r="C842" s="8">
        <v>4.1529850717263797</v>
      </c>
      <c r="D842" s="8">
        <v>4.2533244801742196</v>
      </c>
      <c r="E842" s="26">
        <v>3.4531263747431603E-4</v>
      </c>
      <c r="F842" s="8">
        <v>6.8374352267843201E-4</v>
      </c>
      <c r="G842" s="8">
        <v>-1.5464510919557299</v>
      </c>
      <c r="H842" s="8">
        <v>80746</v>
      </c>
      <c r="I842" s="8" t="s">
        <v>2559</v>
      </c>
      <c r="J842" s="11" t="s">
        <v>2560</v>
      </c>
      <c r="K842" s="8">
        <v>3</v>
      </c>
      <c r="L842" s="8">
        <v>12484432</v>
      </c>
      <c r="M842" s="8">
        <v>12539623</v>
      </c>
      <c r="N842" s="12">
        <v>1</v>
      </c>
    </row>
    <row r="843" spans="1:21" ht="128.25" x14ac:dyDescent="0.2">
      <c r="A843" s="8" t="s">
        <v>2561</v>
      </c>
      <c r="B843" s="8">
        <v>0.15884740795334201</v>
      </c>
      <c r="C843" s="8">
        <v>8.0499338780409904</v>
      </c>
      <c r="D843" s="8">
        <v>4.2492033369507602</v>
      </c>
      <c r="E843" s="26">
        <v>3.4875544991146699E-4</v>
      </c>
      <c r="F843" s="8">
        <v>6.9027244190341102E-4</v>
      </c>
      <c r="G843" s="8">
        <v>-2.0606092556160398</v>
      </c>
      <c r="H843" s="8">
        <v>6431</v>
      </c>
      <c r="I843" s="8" t="s">
        <v>2562</v>
      </c>
      <c r="J843" s="11" t="s">
        <v>2563</v>
      </c>
      <c r="K843" s="8">
        <v>20</v>
      </c>
      <c r="L843" s="8">
        <v>43457928</v>
      </c>
      <c r="M843" s="8">
        <v>43464247</v>
      </c>
      <c r="N843" s="12">
        <v>1</v>
      </c>
    </row>
    <row r="844" spans="1:21" ht="85.5" x14ac:dyDescent="0.2">
      <c r="A844" s="8" t="s">
        <v>2564</v>
      </c>
      <c r="B844" s="8">
        <v>0.201874432359407</v>
      </c>
      <c r="C844" s="8">
        <v>5.5877683165913297</v>
      </c>
      <c r="D844" s="8">
        <v>4.2434889020368098</v>
      </c>
      <c r="E844" s="26">
        <v>3.53586176608694E-4</v>
      </c>
      <c r="F844" s="8">
        <v>6.9888604036071099E-4</v>
      </c>
      <c r="G844" s="8">
        <v>-1.8691717730602799</v>
      </c>
      <c r="H844" s="8">
        <v>54676</v>
      </c>
      <c r="I844" s="8" t="s">
        <v>2565</v>
      </c>
      <c r="J844" s="11" t="s">
        <v>2566</v>
      </c>
      <c r="K844" s="8">
        <v>6</v>
      </c>
      <c r="L844" s="8">
        <v>43605316</v>
      </c>
      <c r="M844" s="8">
        <v>43629162</v>
      </c>
      <c r="N844" s="12">
        <v>-1</v>
      </c>
      <c r="T844" s="25"/>
      <c r="U844" s="25"/>
    </row>
    <row r="845" spans="1:21" ht="142.5" x14ac:dyDescent="0.2">
      <c r="A845" s="8" t="s">
        <v>2567</v>
      </c>
      <c r="B845" s="8">
        <v>0.25539281220913101</v>
      </c>
      <c r="C845" s="8">
        <v>6.5346167772736701</v>
      </c>
      <c r="D845" s="8">
        <v>4.2432904777460703</v>
      </c>
      <c r="E845" s="26">
        <v>3.5375511234819398E-4</v>
      </c>
      <c r="F845" s="8">
        <v>6.9904235508858503E-4</v>
      </c>
      <c r="G845" s="8">
        <v>-1.9803874866256099</v>
      </c>
      <c r="H845" s="8">
        <v>30836</v>
      </c>
      <c r="I845" s="8" t="s">
        <v>2568</v>
      </c>
      <c r="J845" s="11" t="s">
        <v>2569</v>
      </c>
      <c r="K845" s="8">
        <v>1</v>
      </c>
      <c r="L845" s="8">
        <v>93866283</v>
      </c>
      <c r="M845" s="8">
        <v>93879918</v>
      </c>
      <c r="N845" s="12">
        <v>-1</v>
      </c>
    </row>
    <row r="846" spans="1:21" ht="99.75" x14ac:dyDescent="0.2">
      <c r="A846" s="8" t="s">
        <v>2570</v>
      </c>
      <c r="B846" s="8">
        <v>0.185279912613771</v>
      </c>
      <c r="C846" s="8">
        <v>7.0189749339695204</v>
      </c>
      <c r="D846" s="8">
        <v>4.2412812119125602</v>
      </c>
      <c r="E846" s="26">
        <v>3.5547032719844502E-4</v>
      </c>
      <c r="F846" s="8">
        <v>7.0151418461365204E-4</v>
      </c>
      <c r="G846" s="8">
        <v>-2.0195190126648002</v>
      </c>
      <c r="H846" s="8">
        <v>4191</v>
      </c>
      <c r="I846" s="8" t="s">
        <v>2571</v>
      </c>
      <c r="J846" s="11" t="s">
        <v>2572</v>
      </c>
      <c r="K846" s="8">
        <v>7</v>
      </c>
      <c r="L846" s="8">
        <v>76048051</v>
      </c>
      <c r="M846" s="8">
        <v>76067508</v>
      </c>
      <c r="N846" s="12">
        <v>1</v>
      </c>
    </row>
    <row r="847" spans="1:21" ht="114" x14ac:dyDescent="0.2">
      <c r="A847" s="8" t="s">
        <v>2573</v>
      </c>
      <c r="B847" s="8">
        <v>-0.220573552466864</v>
      </c>
      <c r="C847" s="8">
        <v>5.3299142633024799</v>
      </c>
      <c r="D847" s="8">
        <v>-4.23080933010334</v>
      </c>
      <c r="E847" s="26">
        <v>3.6454520023795998E-4</v>
      </c>
      <c r="F847" s="8">
        <v>7.1793008145659698E-4</v>
      </c>
      <c r="G847" s="8">
        <v>-1.8486848233595401</v>
      </c>
      <c r="H847" s="8">
        <v>84240</v>
      </c>
      <c r="I847" s="8" t="s">
        <v>2574</v>
      </c>
      <c r="J847" s="11" t="s">
        <v>2575</v>
      </c>
      <c r="K847" s="8">
        <v>5</v>
      </c>
      <c r="L847" s="8">
        <v>81301590</v>
      </c>
      <c r="M847" s="8">
        <v>81313297</v>
      </c>
      <c r="N847" s="12">
        <v>1</v>
      </c>
      <c r="T847" s="25"/>
      <c r="U847" s="25"/>
    </row>
    <row r="848" spans="1:21" ht="114" x14ac:dyDescent="0.2">
      <c r="A848" s="8" t="s">
        <v>2576</v>
      </c>
      <c r="B848" s="8">
        <v>0.19551350506020801</v>
      </c>
      <c r="C848" s="8">
        <v>5.0128366322677804</v>
      </c>
      <c r="D848" s="8">
        <v>4.2180547897000604</v>
      </c>
      <c r="E848" s="26">
        <v>3.7591162967298399E-4</v>
      </c>
      <c r="F848" s="8">
        <v>7.3855212716680905E-4</v>
      </c>
      <c r="G848" s="8">
        <v>-1.8274953364445501</v>
      </c>
      <c r="H848" s="8">
        <v>80789</v>
      </c>
      <c r="I848" s="8" t="s">
        <v>2577</v>
      </c>
      <c r="J848" s="11" t="s">
        <v>2578</v>
      </c>
      <c r="K848" s="8">
        <v>11</v>
      </c>
      <c r="L848" s="8">
        <v>62646848</v>
      </c>
      <c r="M848" s="8">
        <v>62653302</v>
      </c>
      <c r="N848" s="12">
        <v>-1</v>
      </c>
      <c r="T848" s="25"/>
      <c r="U848" s="25"/>
    </row>
    <row r="849" spans="1:21" ht="99.75" x14ac:dyDescent="0.2">
      <c r="A849" s="8" t="s">
        <v>2579</v>
      </c>
      <c r="B849" s="8">
        <v>0.136455610431858</v>
      </c>
      <c r="C849" s="8">
        <v>9.3425055124506198</v>
      </c>
      <c r="D849" s="8">
        <v>4.2105621375553302</v>
      </c>
      <c r="E849" s="26">
        <v>3.8275330330858002E-4</v>
      </c>
      <c r="F849" s="8">
        <v>7.5082793434845204E-4</v>
      </c>
      <c r="G849" s="8">
        <v>-2.2146588192283398</v>
      </c>
      <c r="H849" s="8">
        <v>6122</v>
      </c>
      <c r="I849" s="8" t="s">
        <v>2580</v>
      </c>
      <c r="J849" s="11" t="s">
        <v>2581</v>
      </c>
      <c r="K849" s="8">
        <v>22</v>
      </c>
      <c r="L849" s="8">
        <v>39312882</v>
      </c>
      <c r="M849" s="8">
        <v>39320389</v>
      </c>
      <c r="N849" s="12">
        <v>-1</v>
      </c>
    </row>
    <row r="850" spans="1:21" ht="156.75" x14ac:dyDescent="0.2">
      <c r="A850" s="8" t="s">
        <v>2582</v>
      </c>
      <c r="B850" s="8">
        <v>0.161994432355866</v>
      </c>
      <c r="C850" s="8">
        <v>6.8805768433476198</v>
      </c>
      <c r="D850" s="8">
        <v>4.2096942989361299</v>
      </c>
      <c r="E850" s="26">
        <v>3.8355374088428498E-4</v>
      </c>
      <c r="F850" s="8">
        <v>7.5224259412578305E-4</v>
      </c>
      <c r="G850" s="8">
        <v>-2.0862969683446599</v>
      </c>
      <c r="H850" s="8">
        <v>29101</v>
      </c>
      <c r="I850" s="8" t="s">
        <v>2583</v>
      </c>
      <c r="J850" s="11" t="s">
        <v>2584</v>
      </c>
      <c r="K850" s="8">
        <v>1</v>
      </c>
      <c r="L850" s="8">
        <v>1541673</v>
      </c>
      <c r="M850" s="8">
        <v>1574869</v>
      </c>
      <c r="N850" s="12">
        <v>-1</v>
      </c>
    </row>
    <row r="851" spans="1:21" ht="99.75" x14ac:dyDescent="0.2">
      <c r="A851" s="8" t="s">
        <v>2585</v>
      </c>
      <c r="B851" s="8">
        <v>0.23783760388820299</v>
      </c>
      <c r="C851" s="8">
        <v>4.4132714827677404</v>
      </c>
      <c r="D851" s="8">
        <v>4.2030126153663803</v>
      </c>
      <c r="E851" s="26">
        <v>3.89772767707253E-4</v>
      </c>
      <c r="F851" s="8">
        <v>7.6317765299015205E-4</v>
      </c>
      <c r="G851" s="8">
        <v>-1.73085473454421</v>
      </c>
      <c r="H851" s="8">
        <v>79159</v>
      </c>
      <c r="I851" s="8" t="s">
        <v>2586</v>
      </c>
      <c r="J851" s="11" t="s">
        <v>2587</v>
      </c>
      <c r="K851" s="8">
        <v>22</v>
      </c>
      <c r="L851" s="8">
        <v>37681673</v>
      </c>
      <c r="M851" s="8">
        <v>37693478</v>
      </c>
      <c r="N851" s="12">
        <v>1</v>
      </c>
      <c r="T851" s="25"/>
      <c r="U851" s="25"/>
    </row>
    <row r="852" spans="1:21" ht="114" x14ac:dyDescent="0.2">
      <c r="A852" s="8" t="s">
        <v>2588</v>
      </c>
      <c r="B852" s="8">
        <v>-0.18393926571660199</v>
      </c>
      <c r="C852" s="8">
        <v>6.1685788023115098</v>
      </c>
      <c r="D852" s="8">
        <v>-4.1851716685254301</v>
      </c>
      <c r="E852" s="26">
        <v>4.06876459202314E-4</v>
      </c>
      <c r="F852" s="8">
        <v>7.9404510142763404E-4</v>
      </c>
      <c r="G852" s="8">
        <v>-2.0807561428063499</v>
      </c>
      <c r="H852" s="8">
        <v>11176</v>
      </c>
      <c r="I852" s="8" t="s">
        <v>2589</v>
      </c>
      <c r="J852" s="11" t="s">
        <v>2590</v>
      </c>
      <c r="K852" s="8">
        <v>12</v>
      </c>
      <c r="L852" s="8">
        <v>56595596</v>
      </c>
      <c r="M852" s="8">
        <v>56636816</v>
      </c>
      <c r="N852" s="12">
        <v>-1</v>
      </c>
    </row>
    <row r="853" spans="1:21" ht="128.25" x14ac:dyDescent="0.2">
      <c r="A853" s="8" t="s">
        <v>2591</v>
      </c>
      <c r="B853" s="8">
        <v>0.23563092526141999</v>
      </c>
      <c r="C853" s="8">
        <v>5.1274199473863202</v>
      </c>
      <c r="D853" s="8">
        <v>4.1831660776920696</v>
      </c>
      <c r="E853" s="26">
        <v>4.0884545171381102E-4</v>
      </c>
      <c r="F853" s="8">
        <v>7.9779599809587105E-4</v>
      </c>
      <c r="G853" s="8">
        <v>-1.93442354685802</v>
      </c>
      <c r="H853" s="8">
        <v>10849</v>
      </c>
      <c r="I853" s="8" t="s">
        <v>2592</v>
      </c>
      <c r="J853" s="11" t="s">
        <v>2593</v>
      </c>
      <c r="K853" s="8">
        <v>19</v>
      </c>
      <c r="L853" s="8">
        <v>45406209</v>
      </c>
      <c r="M853" s="8">
        <v>45410766</v>
      </c>
      <c r="N853" s="12">
        <v>1</v>
      </c>
    </row>
    <row r="854" spans="1:21" ht="142.5" x14ac:dyDescent="0.2">
      <c r="A854" s="8" t="s">
        <v>2594</v>
      </c>
      <c r="B854" s="8">
        <v>-0.25695547180043399</v>
      </c>
      <c r="C854" s="8">
        <v>3.8745063107897399</v>
      </c>
      <c r="D854" s="8">
        <v>-4.1829869814081198</v>
      </c>
      <c r="E854" s="26">
        <v>4.0902174201572802E-4</v>
      </c>
      <c r="F854" s="8">
        <v>7.9790353600251503E-4</v>
      </c>
      <c r="G854" s="8">
        <v>-1.6285260143207601</v>
      </c>
      <c r="H854" s="8">
        <v>10247</v>
      </c>
      <c r="I854" s="8" t="s">
        <v>2595</v>
      </c>
      <c r="J854" s="11" t="s">
        <v>2596</v>
      </c>
      <c r="K854" s="8">
        <v>8</v>
      </c>
      <c r="L854" s="8">
        <v>98102344</v>
      </c>
      <c r="M854" s="8">
        <v>98117241</v>
      </c>
      <c r="N854" s="12">
        <v>-1</v>
      </c>
      <c r="T854" s="25"/>
      <c r="U854" s="25"/>
    </row>
    <row r="855" spans="1:21" ht="114" x14ac:dyDescent="0.2">
      <c r="A855" s="8" t="s">
        <v>2597</v>
      </c>
      <c r="B855" s="8">
        <v>0.410661333780098</v>
      </c>
      <c r="C855" s="8">
        <v>2.72627566780971</v>
      </c>
      <c r="D855" s="8">
        <v>4.1755237351077703</v>
      </c>
      <c r="E855" s="26">
        <v>4.1643595222362601E-4</v>
      </c>
      <c r="F855" s="8">
        <v>8.1161600753289003E-4</v>
      </c>
      <c r="G855" s="8">
        <v>-1.34870977142398</v>
      </c>
      <c r="H855" s="8">
        <v>10799</v>
      </c>
      <c r="I855" s="8" t="s">
        <v>2598</v>
      </c>
      <c r="J855" s="11" t="s">
        <v>2599</v>
      </c>
      <c r="K855" s="8">
        <v>6</v>
      </c>
      <c r="L855" s="8">
        <v>4994732</v>
      </c>
      <c r="M855" s="8">
        <v>5004063</v>
      </c>
      <c r="N855" s="12">
        <v>-1</v>
      </c>
      <c r="T855" s="25"/>
      <c r="U855" s="25"/>
    </row>
    <row r="856" spans="1:21" ht="114" x14ac:dyDescent="0.2">
      <c r="A856" s="8" t="s">
        <v>2600</v>
      </c>
      <c r="B856" s="8">
        <v>-0.65219339310508395</v>
      </c>
      <c r="C856" s="8">
        <v>5.2179004954321497</v>
      </c>
      <c r="D856" s="8">
        <v>-4.16665705486799</v>
      </c>
      <c r="E856" s="26">
        <v>4.2541900574486299E-4</v>
      </c>
      <c r="F856" s="8">
        <v>8.28018099694387E-4</v>
      </c>
      <c r="G856" s="8">
        <v>-1.9659594692987701</v>
      </c>
      <c r="H856" s="8">
        <v>26835</v>
      </c>
      <c r="I856" s="8" t="s">
        <v>2601</v>
      </c>
      <c r="J856" s="11" t="s">
        <v>2602</v>
      </c>
      <c r="K856" s="8">
        <v>12</v>
      </c>
      <c r="L856" s="8">
        <v>120293097</v>
      </c>
      <c r="M856" s="8">
        <v>120293237</v>
      </c>
      <c r="N856" s="12">
        <v>-1</v>
      </c>
    </row>
    <row r="857" spans="1:21" ht="114" x14ac:dyDescent="0.2">
      <c r="A857" s="8" t="s">
        <v>2603</v>
      </c>
      <c r="B857" s="8">
        <v>0.20038592151759099</v>
      </c>
      <c r="C857" s="8">
        <v>5.2424112823898996</v>
      </c>
      <c r="D857" s="8">
        <v>4.1573894792988</v>
      </c>
      <c r="E857" s="26">
        <v>4.35015068473782E-4</v>
      </c>
      <c r="F857" s="8">
        <v>8.45481457847906E-4</v>
      </c>
      <c r="G857" s="8">
        <v>-2.0175658431334602</v>
      </c>
      <c r="H857" s="8">
        <v>10286</v>
      </c>
      <c r="I857" s="8" t="s">
        <v>2604</v>
      </c>
      <c r="J857" s="11" t="s">
        <v>2605</v>
      </c>
      <c r="K857" s="8">
        <v>1</v>
      </c>
      <c r="L857" s="8">
        <v>114567557</v>
      </c>
      <c r="M857" s="8">
        <v>114581639</v>
      </c>
      <c r="N857" s="12">
        <v>-1</v>
      </c>
      <c r="T857" s="25"/>
    </row>
    <row r="858" spans="1:21" ht="85.5" x14ac:dyDescent="0.2">
      <c r="A858" s="8" t="s">
        <v>2606</v>
      </c>
      <c r="B858" s="8">
        <v>0.18511625351361499</v>
      </c>
      <c r="C858" s="8">
        <v>5.1887058234168704</v>
      </c>
      <c r="D858" s="8">
        <v>4.1501079170455899</v>
      </c>
      <c r="E858" s="26">
        <v>4.4270605991414701E-4</v>
      </c>
      <c r="F858" s="8">
        <v>8.5928535327715796E-4</v>
      </c>
      <c r="G858" s="8">
        <v>-2.0249213293425998</v>
      </c>
      <c r="H858" s="8">
        <v>54840</v>
      </c>
      <c r="I858" s="8" t="s">
        <v>2607</v>
      </c>
      <c r="J858" s="11" t="s">
        <v>2608</v>
      </c>
      <c r="K858" s="8">
        <v>9</v>
      </c>
      <c r="L858" s="8">
        <v>32972606</v>
      </c>
      <c r="M858" s="8">
        <v>33025168</v>
      </c>
      <c r="N858" s="12">
        <v>-1</v>
      </c>
    </row>
    <row r="859" spans="1:21" ht="99.75" x14ac:dyDescent="0.2">
      <c r="A859" s="8" t="s">
        <v>2609</v>
      </c>
      <c r="B859" s="8">
        <v>0.25016211964583601</v>
      </c>
      <c r="C859" s="8">
        <v>4.6555055803440002</v>
      </c>
      <c r="D859" s="8">
        <v>4.14430803425644</v>
      </c>
      <c r="E859" s="26">
        <v>4.4892904431529301E-4</v>
      </c>
      <c r="F859" s="8">
        <v>8.70651658045101E-4</v>
      </c>
      <c r="G859" s="8">
        <v>-1.92887260267397</v>
      </c>
      <c r="H859" s="8">
        <v>9704</v>
      </c>
      <c r="I859" s="8" t="s">
        <v>2610</v>
      </c>
      <c r="J859" s="11" t="s">
        <v>2611</v>
      </c>
      <c r="K859" s="8">
        <v>19</v>
      </c>
      <c r="L859" s="8">
        <v>47349281</v>
      </c>
      <c r="M859" s="8">
        <v>47382704</v>
      </c>
      <c r="N859" s="12">
        <v>1</v>
      </c>
    </row>
    <row r="860" spans="1:21" ht="128.25" x14ac:dyDescent="0.2">
      <c r="A860" s="8" t="s">
        <v>2612</v>
      </c>
      <c r="B860" s="8">
        <v>0.19762051330584801</v>
      </c>
      <c r="C860" s="8">
        <v>6.2525430532752404</v>
      </c>
      <c r="D860" s="8">
        <v>4.1251466346043602</v>
      </c>
      <c r="E860" s="26">
        <v>4.70115515190886E-4</v>
      </c>
      <c r="F860" s="8">
        <v>9.0913911462115902E-4</v>
      </c>
      <c r="G860" s="8">
        <v>-2.23816307975948</v>
      </c>
      <c r="H860" s="8" t="s">
        <v>2613</v>
      </c>
      <c r="I860" s="8" t="s">
        <v>2614</v>
      </c>
      <c r="J860" s="11" t="s">
        <v>2615</v>
      </c>
      <c r="K860" s="8" t="s">
        <v>108</v>
      </c>
      <c r="L860" s="8">
        <v>20124518</v>
      </c>
      <c r="M860" s="8">
        <v>20141844</v>
      </c>
      <c r="N860" s="12">
        <v>-1</v>
      </c>
    </row>
    <row r="861" spans="1:21" ht="71.25" x14ac:dyDescent="0.2">
      <c r="A861" s="8" t="s">
        <v>2616</v>
      </c>
      <c r="B861" s="8">
        <v>0.13277764983416299</v>
      </c>
      <c r="C861" s="8">
        <v>7.7514885019819602</v>
      </c>
      <c r="D861" s="8">
        <v>4.1220060049785703</v>
      </c>
      <c r="E861" s="26">
        <v>4.7368198275771298E-4</v>
      </c>
      <c r="F861" s="8">
        <v>9.1584951470128598E-4</v>
      </c>
      <c r="G861" s="8">
        <v>-2.3495686110513199</v>
      </c>
      <c r="H861" s="8">
        <v>118</v>
      </c>
      <c r="I861" s="8" t="s">
        <v>2617</v>
      </c>
      <c r="J861" s="11" t="s">
        <v>2618</v>
      </c>
      <c r="K861" s="8">
        <v>4</v>
      </c>
      <c r="L861" s="8">
        <v>2843857</v>
      </c>
      <c r="M861" s="8">
        <v>2930076</v>
      </c>
      <c r="N861" s="12">
        <v>1</v>
      </c>
    </row>
    <row r="862" spans="1:21" ht="114" x14ac:dyDescent="0.2">
      <c r="A862" s="8" t="s">
        <v>2619</v>
      </c>
      <c r="B862" s="8">
        <v>0.24273797539582301</v>
      </c>
      <c r="C862" s="8">
        <v>3.6342219424256501</v>
      </c>
      <c r="D862" s="8">
        <v>4.1217123885916198</v>
      </c>
      <c r="E862" s="26">
        <v>4.74016786999443E-4</v>
      </c>
      <c r="F862" s="8">
        <v>9.1631013210639E-4</v>
      </c>
      <c r="G862" s="8">
        <v>-1.7256060399428199</v>
      </c>
      <c r="H862" s="8">
        <v>11062</v>
      </c>
      <c r="I862" s="8" t="s">
        <v>2620</v>
      </c>
      <c r="J862" s="11" t="s">
        <v>2621</v>
      </c>
      <c r="K862" s="8">
        <v>7</v>
      </c>
      <c r="L862" s="8">
        <v>107563484</v>
      </c>
      <c r="M862" s="8">
        <v>107578464</v>
      </c>
      <c r="N862" s="12">
        <v>1</v>
      </c>
      <c r="T862" s="25"/>
      <c r="U862" s="25"/>
    </row>
    <row r="863" spans="1:21" ht="99.75" x14ac:dyDescent="0.2">
      <c r="A863" s="8" t="s">
        <v>2622</v>
      </c>
      <c r="B863" s="8">
        <v>0.21621160021427199</v>
      </c>
      <c r="C863" s="8">
        <v>4.7343865024340497</v>
      </c>
      <c r="D863" s="8">
        <v>4.1112614610219902</v>
      </c>
      <c r="E863" s="26">
        <v>4.8608872049069702E-4</v>
      </c>
      <c r="F863" s="8">
        <v>9.3792634964432701E-4</v>
      </c>
      <c r="G863" s="8">
        <v>-2.0253663206074601</v>
      </c>
      <c r="H863" s="8">
        <v>10179</v>
      </c>
      <c r="I863" s="8" t="s">
        <v>2623</v>
      </c>
      <c r="J863" s="11" t="s">
        <v>2624</v>
      </c>
      <c r="K863" s="8">
        <v>11</v>
      </c>
      <c r="L863" s="8">
        <v>114400030</v>
      </c>
      <c r="M863" s="8">
        <v>114414203</v>
      </c>
      <c r="N863" s="12">
        <v>1</v>
      </c>
      <c r="T863" s="25"/>
      <c r="U863" s="25"/>
    </row>
    <row r="864" spans="1:21" ht="142.5" x14ac:dyDescent="0.2">
      <c r="A864" s="8" t="s">
        <v>2625</v>
      </c>
      <c r="B864" s="8">
        <v>-0.15341877737953699</v>
      </c>
      <c r="C864" s="8">
        <v>8.7425490303378499</v>
      </c>
      <c r="D864" s="8">
        <v>-4.08762407348003</v>
      </c>
      <c r="E864" s="26">
        <v>5.1453523667583105E-4</v>
      </c>
      <c r="F864" s="8">
        <v>9.8949485066854997E-4</v>
      </c>
      <c r="G864" s="8">
        <v>-2.4828668535436398</v>
      </c>
      <c r="H864" s="8">
        <v>10642</v>
      </c>
      <c r="I864" s="8" t="s">
        <v>2626</v>
      </c>
      <c r="J864" s="11" t="s">
        <v>2627</v>
      </c>
      <c r="K864" s="8">
        <v>17</v>
      </c>
      <c r="L864" s="8">
        <v>48997412</v>
      </c>
      <c r="M864" s="8">
        <v>49055650</v>
      </c>
      <c r="N864" s="12">
        <v>1</v>
      </c>
      <c r="T864" s="25"/>
    </row>
    <row r="865" spans="1:21" ht="114" x14ac:dyDescent="0.2">
      <c r="A865" s="8" t="s">
        <v>2628</v>
      </c>
      <c r="B865" s="8">
        <v>-0.406875249779307</v>
      </c>
      <c r="C865" s="8">
        <v>2.0075830555289498</v>
      </c>
      <c r="D865" s="8">
        <v>-4.0863277309746104</v>
      </c>
      <c r="E865" s="26">
        <v>5.1614246673607604E-4</v>
      </c>
      <c r="F865" s="8">
        <v>9.9228402302203606E-4</v>
      </c>
      <c r="G865" s="8">
        <v>-1.33417878337839</v>
      </c>
      <c r="H865" s="8">
        <v>340719</v>
      </c>
      <c r="I865" s="8" t="s">
        <v>2629</v>
      </c>
      <c r="J865" s="11" t="s">
        <v>2630</v>
      </c>
      <c r="K865" s="8">
        <v>10</v>
      </c>
      <c r="L865" s="8">
        <v>119029716</v>
      </c>
      <c r="M865" s="8">
        <v>119033732</v>
      </c>
      <c r="N865" s="12">
        <v>1</v>
      </c>
    </row>
    <row r="866" spans="1:21" ht="128.25" x14ac:dyDescent="0.2">
      <c r="A866" s="8" t="s">
        <v>2631</v>
      </c>
      <c r="B866" s="8">
        <v>-0.210524819597043</v>
      </c>
      <c r="C866" s="8">
        <v>7.6184992896764596</v>
      </c>
      <c r="D866" s="8">
        <v>-4.0771766928087096</v>
      </c>
      <c r="E866" s="26">
        <v>5.2763132499081299E-4</v>
      </c>
      <c r="F866" s="8">
        <v>1.01313969992418E-3</v>
      </c>
      <c r="G866" s="8">
        <v>-2.4475420111194901</v>
      </c>
      <c r="H866" s="8">
        <v>10963</v>
      </c>
      <c r="I866" s="8" t="s">
        <v>2632</v>
      </c>
      <c r="J866" s="11" t="s">
        <v>2633</v>
      </c>
      <c r="K866" s="8">
        <v>11</v>
      </c>
      <c r="L866" s="8">
        <v>64185272</v>
      </c>
      <c r="M866" s="8">
        <v>64204543</v>
      </c>
      <c r="N866" s="12">
        <v>1</v>
      </c>
      <c r="T866" s="25"/>
    </row>
    <row r="867" spans="1:21" ht="71.25" x14ac:dyDescent="0.2">
      <c r="A867" s="8" t="s">
        <v>2634</v>
      </c>
      <c r="B867" s="8">
        <v>0.16209472297408101</v>
      </c>
      <c r="C867" s="8">
        <v>7.2249230162226796</v>
      </c>
      <c r="D867" s="8">
        <v>4.0643354116215296</v>
      </c>
      <c r="E867" s="26">
        <v>5.4418412436760895E-4</v>
      </c>
      <c r="F867" s="8">
        <v>1.0423924627156701E-3</v>
      </c>
      <c r="G867" s="8">
        <v>-2.4571812470288701</v>
      </c>
      <c r="H867" s="8">
        <v>2091</v>
      </c>
      <c r="I867" s="8" t="s">
        <v>2635</v>
      </c>
      <c r="J867" s="11" t="s">
        <v>2636</v>
      </c>
      <c r="K867" s="8">
        <v>19</v>
      </c>
      <c r="L867" s="8">
        <v>39834458</v>
      </c>
      <c r="M867" s="8">
        <v>39846414</v>
      </c>
      <c r="N867" s="12">
        <v>-1</v>
      </c>
    </row>
    <row r="868" spans="1:21" ht="114" x14ac:dyDescent="0.2">
      <c r="A868" s="8" t="s">
        <v>2637</v>
      </c>
      <c r="B868" s="8">
        <v>-0.17783107369815801</v>
      </c>
      <c r="C868" s="8">
        <v>5.5140221176924298</v>
      </c>
      <c r="D868" s="8">
        <v>-4.0602858210182298</v>
      </c>
      <c r="E868" s="26">
        <v>5.4951071145753299E-4</v>
      </c>
      <c r="F868" s="8">
        <v>1.0520646460179201E-3</v>
      </c>
      <c r="G868" s="8">
        <v>-2.2908827553300299</v>
      </c>
      <c r="H868" s="8">
        <v>55225</v>
      </c>
      <c r="I868" s="8" t="s">
        <v>2638</v>
      </c>
      <c r="J868" s="11" t="s">
        <v>2639</v>
      </c>
      <c r="K868" s="8">
        <v>1</v>
      </c>
      <c r="L868" s="8">
        <v>64745095</v>
      </c>
      <c r="M868" s="8">
        <v>64833232</v>
      </c>
      <c r="N868" s="12">
        <v>1</v>
      </c>
    </row>
    <row r="869" spans="1:21" ht="85.5" x14ac:dyDescent="0.2">
      <c r="A869" s="8" t="s">
        <v>2640</v>
      </c>
      <c r="B869" s="8">
        <v>0.24293348548412799</v>
      </c>
      <c r="C869" s="8">
        <v>8.2860771868368897</v>
      </c>
      <c r="D869" s="8">
        <v>4.0471654273510804</v>
      </c>
      <c r="E869" s="26">
        <v>5.67127781015874E-4</v>
      </c>
      <c r="F869" s="8">
        <v>1.0833887558222501E-3</v>
      </c>
      <c r="G869" s="8">
        <v>-2.5587965208973502</v>
      </c>
      <c r="H869" s="8">
        <v>9188</v>
      </c>
      <c r="I869" s="8" t="s">
        <v>2641</v>
      </c>
      <c r="J869" s="11" t="s">
        <v>2642</v>
      </c>
      <c r="K869" s="8">
        <v>10</v>
      </c>
      <c r="L869" s="8">
        <v>68956128</v>
      </c>
      <c r="M869" s="8">
        <v>68985073</v>
      </c>
      <c r="N869" s="12">
        <v>1</v>
      </c>
      <c r="T869" s="25"/>
      <c r="U869" s="25"/>
    </row>
    <row r="870" spans="1:21" ht="114" x14ac:dyDescent="0.2">
      <c r="A870" s="8" t="s">
        <v>2643</v>
      </c>
      <c r="B870" s="8">
        <v>0.144966075645478</v>
      </c>
      <c r="C870" s="8">
        <v>6.6415277562889203</v>
      </c>
      <c r="D870" s="8">
        <v>4.0438189846789196</v>
      </c>
      <c r="E870" s="26">
        <v>5.7171045034031605E-4</v>
      </c>
      <c r="F870" s="8">
        <v>1.09126425428567E-3</v>
      </c>
      <c r="G870" s="8">
        <v>-2.4671429425423401</v>
      </c>
      <c r="H870" s="8">
        <v>6166</v>
      </c>
      <c r="I870" s="8" t="s">
        <v>2644</v>
      </c>
      <c r="J870" s="11" t="s">
        <v>2645</v>
      </c>
      <c r="K870" s="8">
        <v>14</v>
      </c>
      <c r="L870" s="8">
        <v>49618519</v>
      </c>
      <c r="M870" s="8">
        <v>49620685</v>
      </c>
      <c r="N870" s="12">
        <v>-1</v>
      </c>
    </row>
    <row r="871" spans="1:21" ht="85.5" x14ac:dyDescent="0.2">
      <c r="A871" s="8" t="s">
        <v>2646</v>
      </c>
      <c r="B871" s="8">
        <v>-0.23779447040587801</v>
      </c>
      <c r="C871" s="8">
        <v>5.5020964735890701</v>
      </c>
      <c r="D871" s="8">
        <v>-4.04288618719929</v>
      </c>
      <c r="E871" s="26">
        <v>5.7299439648417596E-4</v>
      </c>
      <c r="F871" s="8">
        <v>1.09360501479234E-3</v>
      </c>
      <c r="G871" s="8">
        <v>-2.3291342666444201</v>
      </c>
      <c r="H871" s="8">
        <v>1662</v>
      </c>
      <c r="I871" s="8" t="s">
        <v>2647</v>
      </c>
      <c r="J871" s="11" t="s">
        <v>2648</v>
      </c>
      <c r="K871" s="8">
        <v>11</v>
      </c>
      <c r="L871" s="8">
        <v>108665025</v>
      </c>
      <c r="M871" s="8">
        <v>108940930</v>
      </c>
      <c r="N871" s="12">
        <v>1</v>
      </c>
      <c r="T871" s="25"/>
      <c r="U871" s="25"/>
    </row>
    <row r="872" spans="1:21" ht="85.5" x14ac:dyDescent="0.2">
      <c r="A872" s="8" t="s">
        <v>2649</v>
      </c>
      <c r="B872" s="8">
        <v>0.38967100807994798</v>
      </c>
      <c r="C872" s="8">
        <v>3.3009473535520999</v>
      </c>
      <c r="D872" s="8">
        <v>4.0418687313323298</v>
      </c>
      <c r="E872" s="26">
        <v>5.7439814463187695E-4</v>
      </c>
      <c r="F872" s="8">
        <v>1.09595350801117E-3</v>
      </c>
      <c r="G872" s="8">
        <v>-1.8284215726344799</v>
      </c>
      <c r="H872" s="8">
        <v>4234</v>
      </c>
      <c r="I872" s="8" t="s">
        <v>2650</v>
      </c>
      <c r="J872" s="11" t="s">
        <v>2651</v>
      </c>
      <c r="K872" s="8">
        <v>12</v>
      </c>
      <c r="L872" s="8">
        <v>57768471</v>
      </c>
      <c r="M872" s="8">
        <v>57772793</v>
      </c>
      <c r="N872" s="12">
        <v>-1</v>
      </c>
    </row>
    <row r="873" spans="1:21" ht="128.25" x14ac:dyDescent="0.2">
      <c r="A873" s="8" t="s">
        <v>2652</v>
      </c>
      <c r="B873" s="8">
        <v>-0.15175135880521001</v>
      </c>
      <c r="C873" s="8">
        <v>6.8227275314912603</v>
      </c>
      <c r="D873" s="8">
        <v>-4.0365495395983002</v>
      </c>
      <c r="E873" s="26">
        <v>5.8179278337262895E-4</v>
      </c>
      <c r="F873" s="8">
        <v>1.1089475341565301E-3</v>
      </c>
      <c r="G873" s="8">
        <v>-2.4955092031509198</v>
      </c>
      <c r="H873" s="8">
        <v>51320</v>
      </c>
      <c r="I873" s="8" t="s">
        <v>2653</v>
      </c>
      <c r="J873" s="11" t="s">
        <v>2654</v>
      </c>
      <c r="K873" s="8">
        <v>18</v>
      </c>
      <c r="L873" s="8">
        <v>51174550</v>
      </c>
      <c r="M873" s="8">
        <v>51218304</v>
      </c>
      <c r="N873" s="12">
        <v>-1</v>
      </c>
      <c r="T873" s="25"/>
    </row>
    <row r="874" spans="1:21" ht="128.25" x14ac:dyDescent="0.2">
      <c r="A874" s="8" t="s">
        <v>2655</v>
      </c>
      <c r="B874" s="8">
        <v>0.50816676714492004</v>
      </c>
      <c r="C874" s="8">
        <v>1.4628044772057001</v>
      </c>
      <c r="D874" s="8">
        <v>4.0229473668342104</v>
      </c>
      <c r="E874" s="26">
        <v>6.01136158490691E-4</v>
      </c>
      <c r="F874" s="8">
        <v>1.1427187097744001E-3</v>
      </c>
      <c r="G874" s="8">
        <v>-1.35601562104645</v>
      </c>
      <c r="H874" s="8" t="s">
        <v>2656</v>
      </c>
      <c r="I874" s="8" t="s">
        <v>2657</v>
      </c>
      <c r="J874" s="11" t="s">
        <v>2658</v>
      </c>
      <c r="K874" s="8">
        <v>1</v>
      </c>
      <c r="L874" s="8">
        <v>37474552</v>
      </c>
      <c r="M874" s="8">
        <v>37484379</v>
      </c>
      <c r="N874" s="12">
        <v>1</v>
      </c>
    </row>
    <row r="875" spans="1:21" ht="142.5" x14ac:dyDescent="0.2">
      <c r="A875" s="8" t="s">
        <v>2659</v>
      </c>
      <c r="B875" s="8">
        <v>0.225819083559364</v>
      </c>
      <c r="C875" s="8">
        <v>5.5477730876283697</v>
      </c>
      <c r="D875" s="8">
        <v>4.0160590451569398</v>
      </c>
      <c r="E875" s="26">
        <v>6.1117473607445901E-4</v>
      </c>
      <c r="F875" s="8">
        <v>1.16040649989845E-3</v>
      </c>
      <c r="G875" s="8">
        <v>-2.4089004099761899</v>
      </c>
      <c r="H875" s="8">
        <v>115752</v>
      </c>
      <c r="I875" s="8" t="s">
        <v>2660</v>
      </c>
      <c r="J875" s="11" t="s">
        <v>2661</v>
      </c>
      <c r="K875" s="8">
        <v>15</v>
      </c>
      <c r="L875" s="8">
        <v>66293217</v>
      </c>
      <c r="M875" s="8">
        <v>66333898</v>
      </c>
      <c r="N875" s="12">
        <v>1</v>
      </c>
    </row>
    <row r="876" spans="1:21" ht="99.75" x14ac:dyDescent="0.2">
      <c r="A876" s="8" t="s">
        <v>2662</v>
      </c>
      <c r="B876" s="8">
        <v>0.156414570527702</v>
      </c>
      <c r="C876" s="8">
        <v>7.6474548297940501</v>
      </c>
      <c r="D876" s="8">
        <v>4.0159586931422799</v>
      </c>
      <c r="E876" s="26">
        <v>6.1132220861425204E-4</v>
      </c>
      <c r="F876" s="8">
        <v>1.16057038344064E-3</v>
      </c>
      <c r="G876" s="8">
        <v>-2.5978314964446301</v>
      </c>
      <c r="H876" s="8">
        <v>6154</v>
      </c>
      <c r="I876" s="8" t="s">
        <v>2663</v>
      </c>
      <c r="J876" s="11" t="s">
        <v>2664</v>
      </c>
      <c r="K876" s="8">
        <v>17</v>
      </c>
      <c r="L876" s="8">
        <v>8377520</v>
      </c>
      <c r="M876" s="8">
        <v>8383213</v>
      </c>
      <c r="N876" s="12">
        <v>-1</v>
      </c>
    </row>
    <row r="877" spans="1:21" ht="142.5" x14ac:dyDescent="0.2">
      <c r="A877" s="8" t="s">
        <v>2665</v>
      </c>
      <c r="B877" s="8">
        <v>0.25776603201892201</v>
      </c>
      <c r="C877" s="8">
        <v>4.6404745889101902</v>
      </c>
      <c r="D877" s="8">
        <v>4.0121843596311102</v>
      </c>
      <c r="E877" s="26">
        <v>6.1689457671351103E-4</v>
      </c>
      <c r="F877" s="8">
        <v>1.1706808382292301E-3</v>
      </c>
      <c r="G877" s="8">
        <v>-2.2420696400926099</v>
      </c>
      <c r="H877" s="8">
        <v>55132</v>
      </c>
      <c r="I877" s="8" t="s">
        <v>2666</v>
      </c>
      <c r="J877" s="11" t="s">
        <v>2667</v>
      </c>
      <c r="K877" s="8">
        <v>4</v>
      </c>
      <c r="L877" s="8">
        <v>128061268</v>
      </c>
      <c r="M877" s="8">
        <v>128222931</v>
      </c>
      <c r="N877" s="12">
        <v>1</v>
      </c>
      <c r="T877" s="25"/>
    </row>
    <row r="878" spans="1:21" ht="142.5" x14ac:dyDescent="0.2">
      <c r="A878" s="8" t="s">
        <v>2668</v>
      </c>
      <c r="B878" s="8">
        <v>-0.65287390295713299</v>
      </c>
      <c r="C878" s="8">
        <v>0.66433732468875695</v>
      </c>
      <c r="D878" s="8">
        <v>-4.0120568732022504</v>
      </c>
      <c r="E878" s="26">
        <v>6.1708367561053099E-4</v>
      </c>
      <c r="F878" s="8">
        <v>1.1709225989462099E-3</v>
      </c>
      <c r="G878" s="8">
        <v>-1.1350477597658499</v>
      </c>
      <c r="H878" s="8">
        <v>64761</v>
      </c>
      <c r="I878" s="8" t="s">
        <v>2669</v>
      </c>
      <c r="J878" s="11" t="s">
        <v>2670</v>
      </c>
      <c r="K878" s="8">
        <v>7</v>
      </c>
      <c r="L878" s="8">
        <v>140023744</v>
      </c>
      <c r="M878" s="8">
        <v>140063721</v>
      </c>
      <c r="N878" s="12">
        <v>-1</v>
      </c>
    </row>
    <row r="879" spans="1:21" ht="85.5" x14ac:dyDescent="0.2">
      <c r="A879" s="8" t="s">
        <v>2671</v>
      </c>
      <c r="B879" s="8">
        <v>0.156772915969107</v>
      </c>
      <c r="C879" s="8">
        <v>7.5451750122375403</v>
      </c>
      <c r="D879" s="8">
        <v>3.9991042488198101</v>
      </c>
      <c r="E879" s="26">
        <v>6.3659981647895699E-4</v>
      </c>
      <c r="F879" s="8">
        <v>1.2055438296897699E-3</v>
      </c>
      <c r="G879" s="8">
        <v>-2.6322508202261199</v>
      </c>
      <c r="H879" s="8">
        <v>988</v>
      </c>
      <c r="I879" s="8" t="s">
        <v>2672</v>
      </c>
      <c r="J879" s="11" t="s">
        <v>2673</v>
      </c>
      <c r="K879" s="8">
        <v>6</v>
      </c>
      <c r="L879" s="8">
        <v>44387525</v>
      </c>
      <c r="M879" s="8">
        <v>44450426</v>
      </c>
      <c r="N879" s="12">
        <v>1</v>
      </c>
      <c r="T879" s="25"/>
      <c r="U879" s="25"/>
    </row>
    <row r="880" spans="1:21" ht="128.25" x14ac:dyDescent="0.2">
      <c r="A880" s="8" t="s">
        <v>2674</v>
      </c>
      <c r="B880" s="8">
        <v>-0.50956204605544997</v>
      </c>
      <c r="C880" s="8">
        <v>1.8781365979681699</v>
      </c>
      <c r="D880" s="8">
        <v>-3.9962799662295101</v>
      </c>
      <c r="E880" s="26">
        <v>6.4093613054281098E-4</v>
      </c>
      <c r="F880" s="8">
        <v>1.21315030414033E-3</v>
      </c>
      <c r="G880" s="8">
        <v>-1.5071280597927399</v>
      </c>
      <c r="H880" s="8">
        <v>113179</v>
      </c>
      <c r="I880" s="8" t="s">
        <v>2675</v>
      </c>
      <c r="J880" s="11" t="s">
        <v>2676</v>
      </c>
      <c r="K880" s="8">
        <v>19</v>
      </c>
      <c r="L880" s="8">
        <v>1905378</v>
      </c>
      <c r="M880" s="8">
        <v>1913447</v>
      </c>
      <c r="N880" s="12">
        <v>1</v>
      </c>
      <c r="T880" s="25"/>
    </row>
    <row r="881" spans="1:21" ht="142.5" x14ac:dyDescent="0.2">
      <c r="A881" s="8" t="s">
        <v>2677</v>
      </c>
      <c r="B881" s="8">
        <v>-0.22368815725592101</v>
      </c>
      <c r="C881" s="8">
        <v>6.1588042318662204</v>
      </c>
      <c r="D881" s="8">
        <v>-3.9926174279589701</v>
      </c>
      <c r="E881" s="26">
        <v>6.4660326015362297E-4</v>
      </c>
      <c r="F881" s="8">
        <v>1.2232668794671801E-3</v>
      </c>
      <c r="G881" s="8">
        <v>-2.5405322786759701</v>
      </c>
      <c r="H881" s="8">
        <v>26155</v>
      </c>
      <c r="I881" s="8" t="s">
        <v>2678</v>
      </c>
      <c r="J881" s="11" t="s">
        <v>2679</v>
      </c>
      <c r="K881" s="8">
        <v>1</v>
      </c>
      <c r="L881" s="8">
        <v>944204</v>
      </c>
      <c r="M881" s="8">
        <v>959309</v>
      </c>
      <c r="N881" s="12">
        <v>-1</v>
      </c>
      <c r="T881" s="25"/>
      <c r="U881" s="25"/>
    </row>
    <row r="882" spans="1:21" ht="85.5" x14ac:dyDescent="0.2">
      <c r="A882" s="8" t="s">
        <v>2680</v>
      </c>
      <c r="B882" s="8">
        <v>-0.16942600418110201</v>
      </c>
      <c r="C882" s="8">
        <v>5.2965446183763403</v>
      </c>
      <c r="D882" s="8">
        <v>-3.9923045348744401</v>
      </c>
      <c r="E882" s="26">
        <v>6.4708971144468701E-4</v>
      </c>
      <c r="F882" s="8">
        <v>1.22406513697028E-3</v>
      </c>
      <c r="G882" s="8">
        <v>-2.4158211339745601</v>
      </c>
      <c r="H882" s="8">
        <v>80742</v>
      </c>
      <c r="I882" s="8" t="s">
        <v>2681</v>
      </c>
      <c r="J882" s="11" t="s">
        <v>2682</v>
      </c>
      <c r="K882" s="8">
        <v>6</v>
      </c>
      <c r="L882" s="8">
        <v>30556886</v>
      </c>
      <c r="M882" s="8">
        <v>30563723</v>
      </c>
      <c r="N882" s="12">
        <v>1</v>
      </c>
    </row>
    <row r="883" spans="1:21" ht="128.25" x14ac:dyDescent="0.2">
      <c r="A883" s="8" t="s">
        <v>2683</v>
      </c>
      <c r="B883" s="8">
        <v>-0.232651525075347</v>
      </c>
      <c r="C883" s="8">
        <v>4.06527082054739</v>
      </c>
      <c r="D883" s="8">
        <v>-3.9916232043746702</v>
      </c>
      <c r="E883" s="26">
        <v>6.4815022781082501E-4</v>
      </c>
      <c r="F883" s="8">
        <v>1.2258268759384101E-3</v>
      </c>
      <c r="G883" s="8">
        <v>-2.1377958459381801</v>
      </c>
      <c r="H883" s="8">
        <v>283989</v>
      </c>
      <c r="I883" s="8" t="s">
        <v>2684</v>
      </c>
      <c r="J883" s="11" t="s">
        <v>2685</v>
      </c>
      <c r="K883" s="8">
        <v>17</v>
      </c>
      <c r="L883" s="8">
        <v>75516060</v>
      </c>
      <c r="M883" s="8">
        <v>75524739</v>
      </c>
      <c r="N883" s="12">
        <v>1</v>
      </c>
    </row>
    <row r="884" spans="1:21" ht="128.25" x14ac:dyDescent="0.2">
      <c r="A884" s="8" t="s">
        <v>2686</v>
      </c>
      <c r="B884" s="8">
        <v>0.37328085779792802</v>
      </c>
      <c r="C884" s="8">
        <v>4.6792673167868397</v>
      </c>
      <c r="D884" s="8">
        <v>3.9859201776541302</v>
      </c>
      <c r="E884" s="26">
        <v>6.5709526556717395E-4</v>
      </c>
      <c r="F884" s="8">
        <v>1.24175431733402E-3</v>
      </c>
      <c r="G884" s="8">
        <v>-2.31485991018089</v>
      </c>
      <c r="H884" s="8">
        <v>23212</v>
      </c>
      <c r="I884" s="8" t="s">
        <v>2687</v>
      </c>
      <c r="J884" s="11" t="s">
        <v>2688</v>
      </c>
      <c r="K884" s="8">
        <v>8</v>
      </c>
      <c r="L884" s="8">
        <v>66429028</v>
      </c>
      <c r="M884" s="8">
        <v>66430733</v>
      </c>
      <c r="N884" s="12">
        <v>1</v>
      </c>
    </row>
    <row r="885" spans="1:21" ht="114" x14ac:dyDescent="0.2">
      <c r="A885" s="8" t="s">
        <v>2689</v>
      </c>
      <c r="B885" s="8">
        <v>0.33309621611934198</v>
      </c>
      <c r="C885" s="8">
        <v>3.7646849334619099</v>
      </c>
      <c r="D885" s="8">
        <v>3.9777534784155399</v>
      </c>
      <c r="E885" s="26">
        <v>6.7011868163025E-4</v>
      </c>
      <c r="F885" s="8">
        <v>1.263722768687E-3</v>
      </c>
      <c r="G885" s="8">
        <v>-2.1063731059292201</v>
      </c>
      <c r="H885" s="8">
        <v>10438</v>
      </c>
      <c r="I885" s="8" t="s">
        <v>2690</v>
      </c>
      <c r="J885" s="11" t="s">
        <v>2691</v>
      </c>
      <c r="K885" s="8">
        <v>2</v>
      </c>
      <c r="L885" s="8">
        <v>68041130</v>
      </c>
      <c r="M885" s="8">
        <v>68110948</v>
      </c>
      <c r="N885" s="12">
        <v>-1</v>
      </c>
    </row>
    <row r="886" spans="1:21" ht="85.5" x14ac:dyDescent="0.2">
      <c r="A886" s="8" t="s">
        <v>2692</v>
      </c>
      <c r="B886" s="8">
        <v>0.137716743138736</v>
      </c>
      <c r="C886" s="8">
        <v>6.7226084144690397</v>
      </c>
      <c r="D886" s="8">
        <v>3.9728520676721302</v>
      </c>
      <c r="E886" s="26">
        <v>6.7805785917790897E-4</v>
      </c>
      <c r="F886" s="8">
        <v>1.2776788793187499E-3</v>
      </c>
      <c r="G886" s="8">
        <v>-2.6428506606347701</v>
      </c>
      <c r="H886" s="8">
        <v>23039</v>
      </c>
      <c r="I886" s="8" t="s">
        <v>2693</v>
      </c>
      <c r="J886" s="11" t="s">
        <v>2694</v>
      </c>
      <c r="K886" s="8">
        <v>8</v>
      </c>
      <c r="L886" s="8">
        <v>21919671</v>
      </c>
      <c r="M886" s="8">
        <v>22006585</v>
      </c>
      <c r="N886" s="12">
        <v>1</v>
      </c>
    </row>
    <row r="887" spans="1:21" ht="99.75" x14ac:dyDescent="0.2">
      <c r="A887" s="8" t="s">
        <v>2695</v>
      </c>
      <c r="B887" s="8">
        <v>0.293723805124252</v>
      </c>
      <c r="C887" s="8">
        <v>3.3079647294427299</v>
      </c>
      <c r="D887" s="8">
        <v>3.96600040300217</v>
      </c>
      <c r="E887" s="26">
        <v>6.8931296371675102E-4</v>
      </c>
      <c r="F887" s="8">
        <v>1.2974699575930199E-3</v>
      </c>
      <c r="G887" s="8">
        <v>-2.01016317217054</v>
      </c>
      <c r="H887" s="8">
        <v>6234</v>
      </c>
      <c r="I887" s="8" t="s">
        <v>2696</v>
      </c>
      <c r="J887" s="11" t="s">
        <v>2697</v>
      </c>
      <c r="K887" s="8">
        <v>19</v>
      </c>
      <c r="L887" s="8">
        <v>8321158</v>
      </c>
      <c r="M887" s="8">
        <v>8323340</v>
      </c>
      <c r="N887" s="12">
        <v>1</v>
      </c>
    </row>
    <row r="888" spans="1:21" ht="128.25" x14ac:dyDescent="0.2">
      <c r="A888" s="8" t="s">
        <v>2698</v>
      </c>
      <c r="B888" s="8">
        <v>-0.15461832520173499</v>
      </c>
      <c r="C888" s="8">
        <v>6.9057728506953104</v>
      </c>
      <c r="D888" s="8">
        <v>-3.9657079262095198</v>
      </c>
      <c r="E888" s="26">
        <v>6.8979752121184595E-4</v>
      </c>
      <c r="F888" s="8">
        <v>1.2981245101187199E-3</v>
      </c>
      <c r="G888" s="8">
        <v>-2.6705792916382198</v>
      </c>
      <c r="H888" s="8">
        <v>54890</v>
      </c>
      <c r="I888" s="8" t="s">
        <v>2699</v>
      </c>
      <c r="J888" s="11" t="s">
        <v>2700</v>
      </c>
      <c r="K888" s="8">
        <v>17</v>
      </c>
      <c r="L888" s="8">
        <v>18183078</v>
      </c>
      <c r="M888" s="8">
        <v>18209954</v>
      </c>
      <c r="N888" s="12">
        <v>1</v>
      </c>
    </row>
    <row r="889" spans="1:21" ht="128.25" x14ac:dyDescent="0.2">
      <c r="A889" s="8" t="s">
        <v>2701</v>
      </c>
      <c r="B889" s="8">
        <v>0.210374916145425</v>
      </c>
      <c r="C889" s="8">
        <v>4.4613442385462401</v>
      </c>
      <c r="D889" s="8">
        <v>3.9651316745059701</v>
      </c>
      <c r="E889" s="26">
        <v>6.9075321040252299E-4</v>
      </c>
      <c r="F889" s="8">
        <v>1.2997941173831099E-3</v>
      </c>
      <c r="G889" s="8">
        <v>-2.3118320925375202</v>
      </c>
      <c r="H889" s="8">
        <v>55178</v>
      </c>
      <c r="I889" s="8" t="s">
        <v>2702</v>
      </c>
      <c r="J889" s="11" t="s">
        <v>2703</v>
      </c>
      <c r="K889" s="8">
        <v>17</v>
      </c>
      <c r="L889" s="8">
        <v>782273</v>
      </c>
      <c r="M889" s="8">
        <v>792509</v>
      </c>
      <c r="N889" s="12">
        <v>1</v>
      </c>
    </row>
    <row r="890" spans="1:21" ht="114" x14ac:dyDescent="0.2">
      <c r="A890" s="8" t="s">
        <v>2704</v>
      </c>
      <c r="B890" s="8">
        <v>-0.31321367882878798</v>
      </c>
      <c r="C890" s="8">
        <v>3.8368775145938701</v>
      </c>
      <c r="D890" s="8">
        <v>-3.9629765213498902</v>
      </c>
      <c r="E890" s="26">
        <v>6.9433912123686601E-4</v>
      </c>
      <c r="F890" s="8">
        <v>1.3061532021919099E-3</v>
      </c>
      <c r="G890" s="8">
        <v>-2.14309333737737</v>
      </c>
      <c r="H890" s="8">
        <v>126789</v>
      </c>
      <c r="I890" s="8" t="s">
        <v>2705</v>
      </c>
      <c r="J890" s="11" t="s">
        <v>2706</v>
      </c>
      <c r="K890" s="8">
        <v>1</v>
      </c>
      <c r="L890" s="8">
        <v>1308567</v>
      </c>
      <c r="M890" s="8">
        <v>1311677</v>
      </c>
      <c r="N890" s="12">
        <v>1</v>
      </c>
    </row>
    <row r="891" spans="1:21" ht="114" x14ac:dyDescent="0.2">
      <c r="A891" s="8" t="s">
        <v>2707</v>
      </c>
      <c r="B891" s="8">
        <v>-0.34894490552066798</v>
      </c>
      <c r="C891" s="8">
        <v>3.2232270855918599</v>
      </c>
      <c r="D891" s="8">
        <v>-3.9605250779947201</v>
      </c>
      <c r="E891" s="26">
        <v>6.9844052080068604E-4</v>
      </c>
      <c r="F891" s="8">
        <v>1.3134779271860701E-3</v>
      </c>
      <c r="G891" s="8">
        <v>-1.98080894027355</v>
      </c>
      <c r="H891" s="8">
        <v>4857</v>
      </c>
      <c r="I891" s="8" t="s">
        <v>2708</v>
      </c>
      <c r="J891" s="11" t="s">
        <v>2709</v>
      </c>
      <c r="K891" s="8">
        <v>14</v>
      </c>
      <c r="L891" s="8">
        <v>26443093</v>
      </c>
      <c r="M891" s="8">
        <v>26597754</v>
      </c>
      <c r="N891" s="12">
        <v>-1</v>
      </c>
    </row>
    <row r="892" spans="1:21" ht="128.25" x14ac:dyDescent="0.2">
      <c r="A892" s="8" t="s">
        <v>2710</v>
      </c>
      <c r="B892" s="8">
        <v>0.14309397404476501</v>
      </c>
      <c r="C892" s="8">
        <v>7.74742469893246</v>
      </c>
      <c r="D892" s="8">
        <v>3.95830279259342</v>
      </c>
      <c r="E892" s="26">
        <v>7.0217932973019002E-4</v>
      </c>
      <c r="F892" s="8">
        <v>1.31959369581004E-3</v>
      </c>
      <c r="G892" s="8">
        <v>-2.7412269763629502</v>
      </c>
      <c r="H892" s="8">
        <v>9877</v>
      </c>
      <c r="I892" s="8" t="s">
        <v>2711</v>
      </c>
      <c r="J892" s="11" t="s">
        <v>2712</v>
      </c>
      <c r="K892" s="8">
        <v>1</v>
      </c>
      <c r="L892" s="8">
        <v>203795654</v>
      </c>
      <c r="M892" s="8">
        <v>203854124</v>
      </c>
      <c r="N892" s="12">
        <v>1</v>
      </c>
      <c r="T892" s="25"/>
      <c r="U892" s="25"/>
    </row>
    <row r="893" spans="1:21" ht="114" x14ac:dyDescent="0.2">
      <c r="A893" s="8" t="s">
        <v>2713</v>
      </c>
      <c r="B893" s="8">
        <v>-0.27728090307951903</v>
      </c>
      <c r="C893" s="8">
        <v>3.7842816594543001</v>
      </c>
      <c r="D893" s="8">
        <v>-3.95724662683739</v>
      </c>
      <c r="E893" s="26">
        <v>7.0396320662126496E-4</v>
      </c>
      <c r="F893" s="8">
        <v>1.3225531899863101E-3</v>
      </c>
      <c r="G893" s="8">
        <v>-2.1441884936022002</v>
      </c>
      <c r="H893" s="8">
        <v>9739</v>
      </c>
      <c r="I893" s="8" t="s">
        <v>2714</v>
      </c>
      <c r="J893" s="11" t="s">
        <v>2715</v>
      </c>
      <c r="K893" s="8">
        <v>16</v>
      </c>
      <c r="L893" s="8">
        <v>30957294</v>
      </c>
      <c r="M893" s="8">
        <v>30985116</v>
      </c>
      <c r="N893" s="12">
        <v>1</v>
      </c>
    </row>
    <row r="894" spans="1:21" ht="99.75" x14ac:dyDescent="0.2">
      <c r="A894" s="8" t="s">
        <v>2716</v>
      </c>
      <c r="B894" s="8">
        <v>0.17923469088712199</v>
      </c>
      <c r="C894" s="8">
        <v>5.8769219718521502</v>
      </c>
      <c r="D894" s="8">
        <v>3.9562654586706101</v>
      </c>
      <c r="E894" s="26">
        <v>7.0562444690656695E-4</v>
      </c>
      <c r="F894" s="8">
        <v>1.32528059470961E-3</v>
      </c>
      <c r="G894" s="8">
        <v>-2.5989534344099301</v>
      </c>
      <c r="H894" s="8">
        <v>29081</v>
      </c>
      <c r="I894" s="8" t="s">
        <v>2717</v>
      </c>
      <c r="J894" s="11" t="s">
        <v>2718</v>
      </c>
      <c r="K894" s="8">
        <v>2</v>
      </c>
      <c r="L894" s="8">
        <v>169810081</v>
      </c>
      <c r="M894" s="8">
        <v>169824931</v>
      </c>
      <c r="N894" s="12">
        <v>-1</v>
      </c>
    </row>
    <row r="895" spans="1:21" ht="128.25" x14ac:dyDescent="0.2">
      <c r="A895" s="8" t="s">
        <v>2719</v>
      </c>
      <c r="B895" s="8">
        <v>0.17752514482255899</v>
      </c>
      <c r="C895" s="8">
        <v>4.9595076607111102</v>
      </c>
      <c r="D895" s="8">
        <v>3.9337760530971799</v>
      </c>
      <c r="E895" s="26">
        <v>7.4478808868727099E-4</v>
      </c>
      <c r="F895" s="8">
        <v>1.3935953026048399E-3</v>
      </c>
      <c r="G895" s="8">
        <v>-2.4973093794277701</v>
      </c>
      <c r="H895" s="8">
        <v>148423</v>
      </c>
      <c r="I895" s="8" t="s">
        <v>2720</v>
      </c>
      <c r="J895" s="11" t="s">
        <v>2721</v>
      </c>
      <c r="K895" s="8">
        <v>1</v>
      </c>
      <c r="L895" s="8">
        <v>85249953</v>
      </c>
      <c r="M895" s="8">
        <v>85259672</v>
      </c>
      <c r="N895" s="12">
        <v>-1</v>
      </c>
    </row>
    <row r="896" spans="1:21" ht="85.5" x14ac:dyDescent="0.2">
      <c r="A896" s="8" t="s">
        <v>2722</v>
      </c>
      <c r="B896" s="8">
        <v>0.53737320450916604</v>
      </c>
      <c r="C896" s="8">
        <v>1.3613896604940099</v>
      </c>
      <c r="D896" s="8">
        <v>3.9302874862862698</v>
      </c>
      <c r="E896" s="26">
        <v>7.5105365131978002E-4</v>
      </c>
      <c r="F896" s="8">
        <v>1.4044880903720401E-3</v>
      </c>
      <c r="G896" s="8">
        <v>-1.5485662529386099</v>
      </c>
      <c r="H896" s="8">
        <v>4092</v>
      </c>
      <c r="I896" s="8" t="s">
        <v>2723</v>
      </c>
      <c r="J896" s="11" t="s">
        <v>2724</v>
      </c>
      <c r="K896" s="8">
        <v>18</v>
      </c>
      <c r="L896" s="8">
        <v>48919853</v>
      </c>
      <c r="M896" s="8">
        <v>48950711</v>
      </c>
      <c r="N896" s="12">
        <v>-1</v>
      </c>
    </row>
    <row r="897" spans="1:21" ht="99.75" x14ac:dyDescent="0.2">
      <c r="A897" s="8" t="s">
        <v>2725</v>
      </c>
      <c r="B897" s="8">
        <v>-0.20466005944691301</v>
      </c>
      <c r="C897" s="8">
        <v>4.8118983343992303</v>
      </c>
      <c r="D897" s="8">
        <v>-3.9151616798026301</v>
      </c>
      <c r="E897" s="26">
        <v>7.7883110081983903E-4</v>
      </c>
      <c r="F897" s="8">
        <v>1.45285341593022E-3</v>
      </c>
      <c r="G897" s="8">
        <v>-2.5014216539901599</v>
      </c>
      <c r="H897" s="8">
        <v>399818</v>
      </c>
      <c r="I897" s="8" t="s">
        <v>2726</v>
      </c>
      <c r="J897" s="11" t="s">
        <v>2727</v>
      </c>
      <c r="K897" s="8">
        <v>10</v>
      </c>
      <c r="L897" s="8">
        <v>124748149</v>
      </c>
      <c r="M897" s="8">
        <v>124791870</v>
      </c>
      <c r="N897" s="12">
        <v>-1</v>
      </c>
    </row>
    <row r="898" spans="1:21" ht="85.5" x14ac:dyDescent="0.2">
      <c r="A898" s="8" t="s">
        <v>2728</v>
      </c>
      <c r="B898" s="8">
        <v>0.193018992991111</v>
      </c>
      <c r="C898" s="8">
        <v>5.1417084876085797</v>
      </c>
      <c r="D898" s="8">
        <v>3.9112562477170201</v>
      </c>
      <c r="E898" s="26">
        <v>7.8616731971668796E-4</v>
      </c>
      <c r="F898" s="8">
        <v>1.4659621918309499E-3</v>
      </c>
      <c r="G898" s="8">
        <v>-2.5874065589870598</v>
      </c>
      <c r="H898" s="8">
        <v>25983</v>
      </c>
      <c r="I898" s="8" t="s">
        <v>2729</v>
      </c>
      <c r="J898" s="11" t="s">
        <v>2730</v>
      </c>
      <c r="K898" s="8">
        <v>14</v>
      </c>
      <c r="L898" s="8">
        <v>23469688</v>
      </c>
      <c r="M898" s="8">
        <v>23509862</v>
      </c>
      <c r="N898" s="12">
        <v>1</v>
      </c>
      <c r="T898" s="25"/>
      <c r="U898" s="25"/>
    </row>
    <row r="899" spans="1:21" ht="71.25" x14ac:dyDescent="0.2">
      <c r="A899" s="8" t="s">
        <v>2731</v>
      </c>
      <c r="B899" s="8">
        <v>0.137028345285893</v>
      </c>
      <c r="C899" s="8">
        <v>7.6925781608383801</v>
      </c>
      <c r="D899" s="8">
        <v>3.9050198553100999</v>
      </c>
      <c r="E899" s="26">
        <v>7.9802465303738398E-4</v>
      </c>
      <c r="F899" s="8">
        <v>1.4869036662435401E-3</v>
      </c>
      <c r="G899" s="8">
        <v>-2.8651176565062002</v>
      </c>
      <c r="H899" s="8">
        <v>372</v>
      </c>
      <c r="I899" s="8" t="s">
        <v>2732</v>
      </c>
      <c r="J899" s="11" t="s">
        <v>2733</v>
      </c>
      <c r="K899" s="8">
        <v>11</v>
      </c>
      <c r="L899" s="8">
        <v>118572390</v>
      </c>
      <c r="M899" s="8">
        <v>118603033</v>
      </c>
      <c r="N899" s="12">
        <v>1</v>
      </c>
    </row>
    <row r="900" spans="1:21" ht="114" x14ac:dyDescent="0.2">
      <c r="A900" s="8" t="s">
        <v>2734</v>
      </c>
      <c r="B900" s="8">
        <v>-0.16227487265812199</v>
      </c>
      <c r="C900" s="8">
        <v>6.9635258487939904</v>
      </c>
      <c r="D900" s="8">
        <v>-3.8966382604660601</v>
      </c>
      <c r="E900" s="26">
        <v>8.1424072667205004E-4</v>
      </c>
      <c r="F900" s="8">
        <v>1.51548119557233E-3</v>
      </c>
      <c r="G900" s="8">
        <v>-2.83908109500124</v>
      </c>
      <c r="H900" s="8">
        <v>56647</v>
      </c>
      <c r="I900" s="8" t="s">
        <v>2735</v>
      </c>
      <c r="J900" s="11" t="s">
        <v>2736</v>
      </c>
      <c r="K900" s="8">
        <v>10</v>
      </c>
      <c r="L900" s="8">
        <v>125823546</v>
      </c>
      <c r="M900" s="8">
        <v>125853695</v>
      </c>
      <c r="N900" s="12">
        <v>1</v>
      </c>
    </row>
    <row r="901" spans="1:21" ht="114" x14ac:dyDescent="0.2">
      <c r="A901" s="8" t="s">
        <v>2737</v>
      </c>
      <c r="B901" s="8">
        <v>0.145366766404319</v>
      </c>
      <c r="C901" s="8">
        <v>7.0908063692936096</v>
      </c>
      <c r="D901" s="8">
        <v>3.8906137800292702</v>
      </c>
      <c r="E901" s="26">
        <v>8.2609802018921395E-4</v>
      </c>
      <c r="F901" s="8">
        <v>1.5357427634336499E-3</v>
      </c>
      <c r="G901" s="8">
        <v>-2.8636631086852802</v>
      </c>
      <c r="H901" s="8">
        <v>6596</v>
      </c>
      <c r="I901" s="8" t="s">
        <v>2738</v>
      </c>
      <c r="J901" s="11" t="s">
        <v>2739</v>
      </c>
      <c r="K901" s="8">
        <v>3</v>
      </c>
      <c r="L901" s="8">
        <v>149030127</v>
      </c>
      <c r="M901" s="8">
        <v>149086554</v>
      </c>
      <c r="N901" s="12">
        <v>-1</v>
      </c>
      <c r="T901" s="25"/>
      <c r="U901" s="25"/>
    </row>
    <row r="902" spans="1:21" ht="142.5" x14ac:dyDescent="0.2">
      <c r="A902" s="8" t="s">
        <v>2740</v>
      </c>
      <c r="B902" s="8">
        <v>0.17550639308947599</v>
      </c>
      <c r="C902" s="8">
        <v>5.0239262091920898</v>
      </c>
      <c r="D902" s="8">
        <v>3.8772581499930001</v>
      </c>
      <c r="E902" s="26">
        <v>8.5299873042084305E-4</v>
      </c>
      <c r="F902" s="8">
        <v>1.5829607771559099E-3</v>
      </c>
      <c r="G902" s="8">
        <v>-2.6449417219765299</v>
      </c>
      <c r="H902" s="8">
        <v>27291</v>
      </c>
      <c r="I902" s="8" t="s">
        <v>2741</v>
      </c>
      <c r="J902" s="11" t="s">
        <v>2742</v>
      </c>
      <c r="K902" s="8">
        <v>10</v>
      </c>
      <c r="L902" s="8">
        <v>98134624</v>
      </c>
      <c r="M902" s="8">
        <v>98244897</v>
      </c>
      <c r="N902" s="12">
        <v>1</v>
      </c>
    </row>
    <row r="903" spans="1:21" ht="114" x14ac:dyDescent="0.2">
      <c r="A903" s="8" t="s">
        <v>2743</v>
      </c>
      <c r="B903" s="8">
        <v>-0.23785378894502501</v>
      </c>
      <c r="C903" s="8">
        <v>4.3996512598498203</v>
      </c>
      <c r="D903" s="8">
        <v>-3.8748474235906101</v>
      </c>
      <c r="E903" s="26">
        <v>8.5794613752862505E-4</v>
      </c>
      <c r="F903" s="8">
        <v>1.59183064644903E-3</v>
      </c>
      <c r="G903" s="8">
        <v>-2.50027576012821</v>
      </c>
      <c r="H903" s="8">
        <v>4849</v>
      </c>
      <c r="I903" s="8" t="s">
        <v>2744</v>
      </c>
      <c r="J903" s="11" t="s">
        <v>2745</v>
      </c>
      <c r="K903" s="8">
        <v>19</v>
      </c>
      <c r="L903" s="8">
        <v>54137728</v>
      </c>
      <c r="M903" s="8">
        <v>54155681</v>
      </c>
      <c r="N903" s="12">
        <v>1</v>
      </c>
    </row>
    <row r="904" spans="1:21" ht="99.75" x14ac:dyDescent="0.2">
      <c r="A904" s="8" t="s">
        <v>2746</v>
      </c>
      <c r="B904" s="8">
        <v>0.157710381662829</v>
      </c>
      <c r="C904" s="8">
        <v>5.8209987508580197</v>
      </c>
      <c r="D904" s="8">
        <v>3.8713197424870698</v>
      </c>
      <c r="E904" s="26">
        <v>8.6523714955425801E-4</v>
      </c>
      <c r="F904" s="8">
        <v>1.6042604188657699E-3</v>
      </c>
      <c r="G904" s="8">
        <v>-2.7936744897949901</v>
      </c>
      <c r="H904" s="8">
        <v>51428</v>
      </c>
      <c r="I904" s="8" t="s">
        <v>2747</v>
      </c>
      <c r="J904" s="11" t="s">
        <v>2748</v>
      </c>
      <c r="K904" s="8">
        <v>5</v>
      </c>
      <c r="L904" s="8">
        <v>177511577</v>
      </c>
      <c r="M904" s="8">
        <v>177517469</v>
      </c>
      <c r="N904" s="12">
        <v>-1</v>
      </c>
    </row>
    <row r="905" spans="1:21" ht="142.5" x14ac:dyDescent="0.2">
      <c r="A905" s="8" t="s">
        <v>2749</v>
      </c>
      <c r="B905" s="8">
        <v>0.265537176553232</v>
      </c>
      <c r="C905" s="8">
        <v>3.90476517253567</v>
      </c>
      <c r="D905" s="8">
        <v>3.8709259138362802</v>
      </c>
      <c r="E905" s="26">
        <v>8.66054918116112E-4</v>
      </c>
      <c r="F905" s="8">
        <v>1.6055405482970899E-3</v>
      </c>
      <c r="G905" s="8">
        <v>-2.3969436897991501</v>
      </c>
      <c r="H905" s="8">
        <v>55599</v>
      </c>
      <c r="I905" s="8" t="s">
        <v>2750</v>
      </c>
      <c r="J905" s="11" t="s">
        <v>2751</v>
      </c>
      <c r="K905" s="8">
        <v>1</v>
      </c>
      <c r="L905" s="8">
        <v>103525691</v>
      </c>
      <c r="M905" s="8">
        <v>103555239</v>
      </c>
      <c r="N905" s="12">
        <v>1</v>
      </c>
    </row>
    <row r="906" spans="1:21" ht="128.25" x14ac:dyDescent="0.2">
      <c r="A906" s="8" t="s">
        <v>2752</v>
      </c>
      <c r="B906" s="8">
        <v>-0.26617198613658</v>
      </c>
      <c r="C906" s="8">
        <v>4.03767703868178</v>
      </c>
      <c r="D906" s="8">
        <v>-3.85694104167982</v>
      </c>
      <c r="E906" s="26">
        <v>8.95596088021802E-4</v>
      </c>
      <c r="F906" s="8">
        <v>1.65682657071454E-3</v>
      </c>
      <c r="G906" s="8">
        <v>-2.4502991382467201</v>
      </c>
      <c r="H906" s="8">
        <v>84705</v>
      </c>
      <c r="I906" s="8" t="s">
        <v>2753</v>
      </c>
      <c r="J906" s="11" t="s">
        <v>2754</v>
      </c>
      <c r="K906" s="8">
        <v>19</v>
      </c>
      <c r="L906" s="8">
        <v>17334920</v>
      </c>
      <c r="M906" s="8">
        <v>17342735</v>
      </c>
      <c r="N906" s="12">
        <v>1</v>
      </c>
    </row>
    <row r="907" spans="1:21" ht="128.25" x14ac:dyDescent="0.2">
      <c r="A907" s="8" t="s">
        <v>2755</v>
      </c>
      <c r="B907" s="8">
        <v>-0.13514687964223501</v>
      </c>
      <c r="C907" s="8">
        <v>8.6547671396854806</v>
      </c>
      <c r="D907" s="8">
        <v>-3.8497254471384199</v>
      </c>
      <c r="E907" s="26">
        <v>9.1122656790898699E-4</v>
      </c>
      <c r="F907" s="8">
        <v>1.6842647880791701E-3</v>
      </c>
      <c r="G907" s="8">
        <v>-3.0467273010176399</v>
      </c>
      <c r="H907" s="8">
        <v>6749</v>
      </c>
      <c r="I907" s="8" t="s">
        <v>2756</v>
      </c>
      <c r="J907" s="11" t="s">
        <v>2757</v>
      </c>
      <c r="K907" s="8">
        <v>11</v>
      </c>
      <c r="L907" s="8">
        <v>57325985</v>
      </c>
      <c r="M907" s="8">
        <v>57335877</v>
      </c>
      <c r="N907" s="12">
        <v>-1</v>
      </c>
    </row>
    <row r="908" spans="1:21" ht="85.5" x14ac:dyDescent="0.2">
      <c r="A908" s="8" t="s">
        <v>2758</v>
      </c>
      <c r="B908" s="8">
        <v>0.15643674957234799</v>
      </c>
      <c r="C908" s="8">
        <v>5.3699992594410899</v>
      </c>
      <c r="D908" s="8">
        <v>3.83572777363351</v>
      </c>
      <c r="E908" s="26">
        <v>9.4232346767832902E-4</v>
      </c>
      <c r="F908" s="8">
        <v>1.73886352062735E-3</v>
      </c>
      <c r="G908" s="8">
        <v>-2.8082724192276398</v>
      </c>
      <c r="H908" s="8">
        <v>1196</v>
      </c>
      <c r="I908" s="8" t="s">
        <v>2759</v>
      </c>
      <c r="J908" s="11" t="s">
        <v>2760</v>
      </c>
      <c r="K908" s="8">
        <v>1</v>
      </c>
      <c r="L908" s="8">
        <v>155262868</v>
      </c>
      <c r="M908" s="8">
        <v>155278491</v>
      </c>
      <c r="N908" s="12">
        <v>-1</v>
      </c>
    </row>
    <row r="909" spans="1:21" ht="114" x14ac:dyDescent="0.2">
      <c r="A909" s="8" t="s">
        <v>2761</v>
      </c>
      <c r="B909" s="8">
        <v>0.23151631665855399</v>
      </c>
      <c r="C909" s="8">
        <v>4.8634066705868904</v>
      </c>
      <c r="D909" s="8">
        <v>3.82593232828052</v>
      </c>
      <c r="E909" s="26">
        <v>9.6470793725309499E-4</v>
      </c>
      <c r="F909" s="8">
        <v>1.77568016733773E-3</v>
      </c>
      <c r="G909" s="8">
        <v>-2.7345552992169</v>
      </c>
      <c r="H909" s="8">
        <v>29074</v>
      </c>
      <c r="I909" s="8" t="s">
        <v>2762</v>
      </c>
      <c r="J909" s="11" t="s">
        <v>2763</v>
      </c>
      <c r="K909" s="8">
        <v>6</v>
      </c>
      <c r="L909" s="8">
        <v>159789812</v>
      </c>
      <c r="M909" s="8">
        <v>159798436</v>
      </c>
      <c r="N909" s="12">
        <v>1</v>
      </c>
    </row>
    <row r="910" spans="1:21" ht="85.5" x14ac:dyDescent="0.2">
      <c r="A910" s="8" t="s">
        <v>2764</v>
      </c>
      <c r="B910" s="8">
        <v>0.17640261562300599</v>
      </c>
      <c r="C910" s="8">
        <v>6.2304568390241997</v>
      </c>
      <c r="D910" s="8">
        <v>3.8203501072858499</v>
      </c>
      <c r="E910" s="26">
        <v>9.7769917553337305E-4</v>
      </c>
      <c r="F910" s="8">
        <v>1.79837135350362E-3</v>
      </c>
      <c r="G910" s="8">
        <v>-2.9633846438849001</v>
      </c>
      <c r="H910" s="8">
        <v>51535</v>
      </c>
      <c r="I910" s="8" t="s">
        <v>2765</v>
      </c>
      <c r="J910" s="11" t="s">
        <v>2766</v>
      </c>
      <c r="K910" s="8">
        <v>12</v>
      </c>
      <c r="L910" s="8">
        <v>42238447</v>
      </c>
      <c r="M910" s="8">
        <v>42459715</v>
      </c>
      <c r="N910" s="12">
        <v>1</v>
      </c>
    </row>
    <row r="911" spans="1:21" ht="99.75" x14ac:dyDescent="0.2">
      <c r="A911" s="8" t="s">
        <v>2767</v>
      </c>
      <c r="B911" s="8">
        <v>0.16409750534838699</v>
      </c>
      <c r="C911" s="8">
        <v>6.1115692953927603</v>
      </c>
      <c r="D911" s="8">
        <v>3.8182185141292599</v>
      </c>
      <c r="E911" s="26">
        <v>9.8270551893125295E-4</v>
      </c>
      <c r="F911" s="8">
        <v>1.80687943346172E-3</v>
      </c>
      <c r="G911" s="8">
        <v>-2.9555560523994302</v>
      </c>
      <c r="H911" s="8">
        <v>6645</v>
      </c>
      <c r="I911" s="8" t="s">
        <v>2768</v>
      </c>
      <c r="J911" s="11" t="s">
        <v>2769</v>
      </c>
      <c r="K911" s="8">
        <v>16</v>
      </c>
      <c r="L911" s="8">
        <v>69187129</v>
      </c>
      <c r="M911" s="8">
        <v>69309052</v>
      </c>
      <c r="N911" s="12">
        <v>1</v>
      </c>
      <c r="T911" s="25"/>
    </row>
    <row r="912" spans="1:21" ht="114" x14ac:dyDescent="0.2">
      <c r="A912" s="8" t="s">
        <v>2770</v>
      </c>
      <c r="B912" s="8">
        <v>0.113745379267609</v>
      </c>
      <c r="C912" s="8">
        <v>11.161067363219299</v>
      </c>
      <c r="D912" s="8">
        <v>3.81427720800778</v>
      </c>
      <c r="E912" s="26">
        <v>9.9202918763381491E-4</v>
      </c>
      <c r="F912" s="8">
        <v>1.8226099229089799E-3</v>
      </c>
      <c r="G912" s="8">
        <v>-3.2270577149408499</v>
      </c>
      <c r="H912" s="8">
        <v>1938</v>
      </c>
      <c r="I912" s="8" t="s">
        <v>2771</v>
      </c>
      <c r="J912" s="11" t="s">
        <v>2772</v>
      </c>
      <c r="K912" s="8">
        <v>19</v>
      </c>
      <c r="L912" s="8">
        <v>3976056</v>
      </c>
      <c r="M912" s="8">
        <v>3985469</v>
      </c>
      <c r="N912" s="12">
        <v>-1</v>
      </c>
    </row>
    <row r="913" spans="1:21" ht="114" x14ac:dyDescent="0.2">
      <c r="A913" s="8" t="s">
        <v>2773</v>
      </c>
      <c r="B913" s="8">
        <v>-0.17940258070857901</v>
      </c>
      <c r="C913" s="8">
        <v>5.4832310218100702</v>
      </c>
      <c r="D913" s="8">
        <v>-3.8080432587588899</v>
      </c>
      <c r="E913" s="26">
        <v>1.0069555617154399E-3</v>
      </c>
      <c r="F913" s="8">
        <v>1.84788663520685E-3</v>
      </c>
      <c r="G913" s="8">
        <v>-2.8869161829066798</v>
      </c>
      <c r="H913" s="8">
        <v>6499</v>
      </c>
      <c r="I913" s="8" t="s">
        <v>2774</v>
      </c>
      <c r="J913" s="11" t="s">
        <v>2775</v>
      </c>
      <c r="K913" s="8">
        <v>6</v>
      </c>
      <c r="L913" s="8">
        <v>31959080</v>
      </c>
      <c r="M913" s="8">
        <v>31969755</v>
      </c>
      <c r="N913" s="12">
        <v>1</v>
      </c>
    </row>
    <row r="914" spans="1:21" ht="128.25" x14ac:dyDescent="0.2">
      <c r="A914" s="8" t="s">
        <v>2776</v>
      </c>
      <c r="B914" s="8">
        <v>0.34633000833580502</v>
      </c>
      <c r="C914" s="8">
        <v>2.9749124889780201</v>
      </c>
      <c r="D914" s="8">
        <v>3.8033187847084999</v>
      </c>
      <c r="E914" s="26">
        <v>1.0184156229152701E-3</v>
      </c>
      <c r="F914" s="8">
        <v>1.86819461344253E-3</v>
      </c>
      <c r="G914" s="8">
        <v>-2.30527930206887</v>
      </c>
      <c r="H914" s="8">
        <v>11030</v>
      </c>
      <c r="I914" s="8" t="s">
        <v>2777</v>
      </c>
      <c r="J914" s="11" t="s">
        <v>2778</v>
      </c>
      <c r="K914" s="8">
        <v>8</v>
      </c>
      <c r="L914" s="8">
        <v>30384479</v>
      </c>
      <c r="M914" s="8">
        <v>30572261</v>
      </c>
      <c r="N914" s="12">
        <v>1</v>
      </c>
    </row>
    <row r="915" spans="1:21" ht="99.75" x14ac:dyDescent="0.2">
      <c r="A915" s="8" t="s">
        <v>2779</v>
      </c>
      <c r="B915" s="8">
        <v>-0.67518084125085498</v>
      </c>
      <c r="C915" s="8">
        <v>0.52203128951834599</v>
      </c>
      <c r="D915" s="8">
        <v>-3.78378873872053</v>
      </c>
      <c r="E915" s="26">
        <v>1.0671751012029001E-3</v>
      </c>
      <c r="F915" s="8">
        <v>1.95141471338672E-3</v>
      </c>
      <c r="G915" s="8">
        <v>-1.6383254295497101</v>
      </c>
      <c r="H915" s="8">
        <v>7538</v>
      </c>
      <c r="I915" s="8" t="s">
        <v>2780</v>
      </c>
      <c r="J915" s="11" t="s">
        <v>2781</v>
      </c>
      <c r="K915" s="8">
        <v>19</v>
      </c>
      <c r="L915" s="8">
        <v>39406813</v>
      </c>
      <c r="M915" s="8">
        <v>39409412</v>
      </c>
      <c r="N915" s="12">
        <v>1</v>
      </c>
    </row>
    <row r="916" spans="1:21" ht="114" x14ac:dyDescent="0.2">
      <c r="A916" s="8" t="s">
        <v>2782</v>
      </c>
      <c r="B916" s="8">
        <v>0.16697432922026501</v>
      </c>
      <c r="C916" s="8">
        <v>5.8416274429222304</v>
      </c>
      <c r="D916" s="8">
        <v>3.7759803531214202</v>
      </c>
      <c r="E916" s="26">
        <v>1.0873100318418199E-3</v>
      </c>
      <c r="F916" s="8">
        <v>1.9849814790055E-3</v>
      </c>
      <c r="G916" s="8">
        <v>-3.0227297516411098</v>
      </c>
      <c r="H916" s="8">
        <v>81605</v>
      </c>
      <c r="I916" s="8" t="s">
        <v>2783</v>
      </c>
      <c r="J916" s="11" t="s">
        <v>2784</v>
      </c>
      <c r="K916" s="8">
        <v>9</v>
      </c>
      <c r="L916" s="8">
        <v>128371319</v>
      </c>
      <c r="M916" s="8">
        <v>128392016</v>
      </c>
      <c r="N916" s="12">
        <v>1</v>
      </c>
      <c r="T916" s="25"/>
      <c r="U916" s="25"/>
    </row>
    <row r="917" spans="1:21" ht="128.25" x14ac:dyDescent="0.2">
      <c r="A917" s="8" t="s">
        <v>2785</v>
      </c>
      <c r="B917" s="8">
        <v>0.168159661656855</v>
      </c>
      <c r="C917" s="8">
        <v>6.0011601146790401</v>
      </c>
      <c r="D917" s="8">
        <v>3.77459212308875</v>
      </c>
      <c r="E917" s="26">
        <v>1.09092890751717E-3</v>
      </c>
      <c r="F917" s="8">
        <v>1.9913964869135502E-3</v>
      </c>
      <c r="G917" s="8">
        <v>-3.0462517647218101</v>
      </c>
      <c r="H917" s="8">
        <v>192669</v>
      </c>
      <c r="I917" s="8" t="s">
        <v>2786</v>
      </c>
      <c r="J917" s="11" t="s">
        <v>2787</v>
      </c>
      <c r="K917" s="8">
        <v>1</v>
      </c>
      <c r="L917" s="8">
        <v>35930718</v>
      </c>
      <c r="M917" s="8">
        <v>36072500</v>
      </c>
      <c r="N917" s="12">
        <v>1</v>
      </c>
    </row>
    <row r="918" spans="1:21" ht="71.25" x14ac:dyDescent="0.2">
      <c r="A918" s="8" t="s">
        <v>2788</v>
      </c>
      <c r="B918" s="8">
        <v>0.16289152185501299</v>
      </c>
      <c r="C918" s="8">
        <v>6.7537888171723397</v>
      </c>
      <c r="D918" s="8">
        <v>3.75646287062402</v>
      </c>
      <c r="E918" s="26">
        <v>1.1392968081231499E-3</v>
      </c>
      <c r="F918" s="8">
        <v>2.0746987359901098E-3</v>
      </c>
      <c r="G918" s="8">
        <v>-3.1595847806572399</v>
      </c>
      <c r="H918" s="8">
        <v>905</v>
      </c>
      <c r="I918" s="8" t="s">
        <v>2789</v>
      </c>
      <c r="J918" s="11" t="s">
        <v>2790</v>
      </c>
      <c r="K918" s="8">
        <v>2</v>
      </c>
      <c r="L918" s="8">
        <v>134918235</v>
      </c>
      <c r="M918" s="8">
        <v>134959342</v>
      </c>
      <c r="N918" s="12">
        <v>1</v>
      </c>
    </row>
    <row r="919" spans="1:21" ht="114" x14ac:dyDescent="0.2">
      <c r="A919" s="8" t="s">
        <v>2791</v>
      </c>
      <c r="B919" s="8">
        <v>0.20419243478048801</v>
      </c>
      <c r="C919" s="8">
        <v>4.8351730061795903</v>
      </c>
      <c r="D919" s="8">
        <v>3.7454393887911599</v>
      </c>
      <c r="E919" s="26">
        <v>1.1697372873092501E-3</v>
      </c>
      <c r="F919" s="8">
        <v>2.1262552204279399E-3</v>
      </c>
      <c r="G919" s="8">
        <v>-2.9186555698921</v>
      </c>
      <c r="H919" s="8" t="s">
        <v>2792</v>
      </c>
      <c r="I919" s="8" t="s">
        <v>2793</v>
      </c>
      <c r="J919" s="11" t="s">
        <v>2794</v>
      </c>
      <c r="K919" s="8">
        <v>11</v>
      </c>
      <c r="L919" s="8">
        <v>1947278</v>
      </c>
      <c r="M919" s="8">
        <v>1984522</v>
      </c>
      <c r="N919" s="12">
        <v>1</v>
      </c>
    </row>
    <row r="920" spans="1:21" ht="114" x14ac:dyDescent="0.2">
      <c r="A920" s="8" t="s">
        <v>2795</v>
      </c>
      <c r="B920" s="8">
        <v>0.16298195561824799</v>
      </c>
      <c r="C920" s="8">
        <v>7.3607559083770999</v>
      </c>
      <c r="D920" s="8">
        <v>3.7435368471818</v>
      </c>
      <c r="E920" s="26">
        <v>1.1750717609577E-3</v>
      </c>
      <c r="F920" s="8">
        <v>2.1351337425980698E-3</v>
      </c>
      <c r="G920" s="8">
        <v>-3.2291159812906201</v>
      </c>
      <c r="H920" s="8">
        <v>23517</v>
      </c>
      <c r="I920" s="8" t="s">
        <v>2796</v>
      </c>
      <c r="J920" s="11" t="s">
        <v>2797</v>
      </c>
      <c r="K920" s="8">
        <v>5</v>
      </c>
      <c r="L920" s="8">
        <v>55307760</v>
      </c>
      <c r="M920" s="8">
        <v>55425581</v>
      </c>
      <c r="N920" s="12">
        <v>1</v>
      </c>
    </row>
    <row r="921" spans="1:21" ht="85.5" x14ac:dyDescent="0.2">
      <c r="A921" s="8" t="s">
        <v>2798</v>
      </c>
      <c r="B921" s="8">
        <v>0.207831731708533</v>
      </c>
      <c r="C921" s="8">
        <v>8.1408511290997794</v>
      </c>
      <c r="D921" s="8">
        <v>3.7430989270804198</v>
      </c>
      <c r="E921" s="26">
        <v>1.1763030310238799E-3</v>
      </c>
      <c r="F921" s="8">
        <v>2.1371663589985698E-3</v>
      </c>
      <c r="G921" s="8">
        <v>-3.27457298569704</v>
      </c>
      <c r="H921" s="8">
        <v>5903</v>
      </c>
      <c r="I921" s="8" t="s">
        <v>2799</v>
      </c>
      <c r="J921" s="11" t="s">
        <v>2800</v>
      </c>
      <c r="K921" s="8">
        <v>2</v>
      </c>
      <c r="L921" s="8">
        <v>108719481</v>
      </c>
      <c r="M921" s="8">
        <v>108785811</v>
      </c>
      <c r="N921" s="12">
        <v>1</v>
      </c>
    </row>
    <row r="922" spans="1:21" ht="128.25" x14ac:dyDescent="0.2">
      <c r="A922" s="8" t="s">
        <v>2801</v>
      </c>
      <c r="B922" s="8">
        <v>0.16529922782957401</v>
      </c>
      <c r="C922" s="8">
        <v>5.6803315725891403</v>
      </c>
      <c r="D922" s="8">
        <v>3.74230702371998</v>
      </c>
      <c r="E922" s="26">
        <v>1.1785328104920399E-3</v>
      </c>
      <c r="F922" s="8">
        <v>2.1402493014110102E-3</v>
      </c>
      <c r="G922" s="8">
        <v>-3.0796739108134301</v>
      </c>
      <c r="H922" s="8">
        <v>50628</v>
      </c>
      <c r="I922" s="8" t="s">
        <v>2802</v>
      </c>
      <c r="J922" s="11" t="s">
        <v>2803</v>
      </c>
      <c r="K922" s="8">
        <v>17</v>
      </c>
      <c r="L922" s="8">
        <v>744414</v>
      </c>
      <c r="M922" s="8">
        <v>753999</v>
      </c>
      <c r="N922" s="12">
        <v>-1</v>
      </c>
      <c r="T922" s="25"/>
    </row>
    <row r="923" spans="1:21" ht="114" x14ac:dyDescent="0.2">
      <c r="A923" s="8" t="s">
        <v>2804</v>
      </c>
      <c r="B923" s="8">
        <v>0.131743343241323</v>
      </c>
      <c r="C923" s="8">
        <v>6.8582349764380597</v>
      </c>
      <c r="D923" s="8">
        <v>3.7343285522118701</v>
      </c>
      <c r="E923" s="26">
        <v>1.2012323303753399E-3</v>
      </c>
      <c r="F923" s="8">
        <v>2.1787045716842998E-3</v>
      </c>
      <c r="G923" s="8">
        <v>-3.2190178600220798</v>
      </c>
      <c r="H923" s="8">
        <v>1207</v>
      </c>
      <c r="I923" s="8" t="s">
        <v>2805</v>
      </c>
      <c r="J923" s="11" t="s">
        <v>2806</v>
      </c>
      <c r="K923" s="8">
        <v>11</v>
      </c>
      <c r="L923" s="8">
        <v>77514936</v>
      </c>
      <c r="M923" s="8">
        <v>77637805</v>
      </c>
      <c r="N923" s="12">
        <v>-1</v>
      </c>
    </row>
    <row r="924" spans="1:21" ht="128.25" x14ac:dyDescent="0.2">
      <c r="A924" s="8" t="s">
        <v>2807</v>
      </c>
      <c r="B924" s="8">
        <v>-0.15083037950491501</v>
      </c>
      <c r="C924" s="8">
        <v>6.3402968877447199</v>
      </c>
      <c r="D924" s="8">
        <v>-3.7275787442622801</v>
      </c>
      <c r="E924" s="26">
        <v>1.22077315117229E-3</v>
      </c>
      <c r="F924" s="8">
        <v>2.2118208983956901E-3</v>
      </c>
      <c r="G924" s="8">
        <v>-3.1904606963232598</v>
      </c>
      <c r="H924" s="8">
        <v>23318</v>
      </c>
      <c r="I924" s="8" t="s">
        <v>2808</v>
      </c>
      <c r="J924" s="11" t="s">
        <v>2809</v>
      </c>
      <c r="K924" s="8">
        <v>1</v>
      </c>
      <c r="L924" s="8">
        <v>52408282</v>
      </c>
      <c r="M924" s="8">
        <v>52553487</v>
      </c>
      <c r="N924" s="12">
        <v>-1</v>
      </c>
    </row>
    <row r="925" spans="1:21" ht="99.75" x14ac:dyDescent="0.2">
      <c r="A925" s="8" t="s">
        <v>2810</v>
      </c>
      <c r="B925" s="8">
        <v>0.17829690461203501</v>
      </c>
      <c r="C925" s="8">
        <v>5.1571189496078604</v>
      </c>
      <c r="D925" s="8">
        <v>3.7168673989787999</v>
      </c>
      <c r="E925" s="26">
        <v>1.2524291803553301E-3</v>
      </c>
      <c r="F925" s="8">
        <v>2.26398824115099E-3</v>
      </c>
      <c r="G925" s="8">
        <v>-3.05108421545834</v>
      </c>
      <c r="H925" s="8">
        <v>51067</v>
      </c>
      <c r="I925" s="8" t="s">
        <v>2811</v>
      </c>
      <c r="J925" s="11" t="s">
        <v>2812</v>
      </c>
      <c r="K925" s="8">
        <v>12</v>
      </c>
      <c r="L925" s="8">
        <v>32727490</v>
      </c>
      <c r="M925" s="8">
        <v>32755902</v>
      </c>
      <c r="N925" s="12">
        <v>-1</v>
      </c>
    </row>
    <row r="926" spans="1:21" ht="128.25" x14ac:dyDescent="0.2">
      <c r="A926" s="8" t="s">
        <v>2813</v>
      </c>
      <c r="B926" s="8">
        <v>0.12799904818690599</v>
      </c>
      <c r="C926" s="8">
        <v>8.7432160096909204</v>
      </c>
      <c r="D926" s="8">
        <v>3.7132901604591799</v>
      </c>
      <c r="E926" s="26">
        <v>1.2631808097299301E-3</v>
      </c>
      <c r="F926" s="8">
        <v>2.2816849634727699E-3</v>
      </c>
      <c r="G926" s="8">
        <v>-3.3752777107105998</v>
      </c>
      <c r="H926" s="8">
        <v>26135</v>
      </c>
      <c r="I926" s="8" t="s">
        <v>2814</v>
      </c>
      <c r="J926" s="11" t="s">
        <v>2815</v>
      </c>
      <c r="K926" s="8">
        <v>1</v>
      </c>
      <c r="L926" s="8">
        <v>67407810</v>
      </c>
      <c r="M926" s="8">
        <v>67430415</v>
      </c>
      <c r="N926" s="12">
        <v>-1</v>
      </c>
      <c r="T926" s="25"/>
    </row>
    <row r="927" spans="1:21" ht="156.75" x14ac:dyDescent="0.2">
      <c r="A927" s="8" t="s">
        <v>2816</v>
      </c>
      <c r="B927" s="8">
        <v>0.798386911639823</v>
      </c>
      <c r="C927" s="8">
        <v>0.12627128778360899</v>
      </c>
      <c r="D927" s="8">
        <v>3.7079169578447</v>
      </c>
      <c r="E927" s="26">
        <v>1.2795018353342E-3</v>
      </c>
      <c r="F927" s="8">
        <v>2.3100662476583599E-3</v>
      </c>
      <c r="G927" s="8">
        <v>-1.7523857150761999</v>
      </c>
      <c r="H927" s="8">
        <v>200316</v>
      </c>
      <c r="I927" s="8" t="s">
        <v>2817</v>
      </c>
      <c r="J927" s="11" t="s">
        <v>2818</v>
      </c>
      <c r="K927" s="8">
        <v>22</v>
      </c>
      <c r="L927" s="8">
        <v>39040604</v>
      </c>
      <c r="M927" s="8">
        <v>39053910</v>
      </c>
      <c r="N927" s="12">
        <v>1</v>
      </c>
    </row>
    <row r="928" spans="1:21" ht="156.75" x14ac:dyDescent="0.2">
      <c r="A928" s="8" t="s">
        <v>2819</v>
      </c>
      <c r="B928" s="8">
        <v>-0.148585597030547</v>
      </c>
      <c r="C928" s="8">
        <v>5.7255396337160498</v>
      </c>
      <c r="D928" s="8">
        <v>-3.7035483415367798</v>
      </c>
      <c r="E928" s="26">
        <v>1.29292477348501E-3</v>
      </c>
      <c r="F928" s="8">
        <v>2.33274704567647E-3</v>
      </c>
      <c r="G928" s="8">
        <v>-3.1727486782888401</v>
      </c>
      <c r="H928" s="8">
        <v>55157</v>
      </c>
      <c r="I928" s="8" t="s">
        <v>2820</v>
      </c>
      <c r="J928" s="11" t="s">
        <v>2821</v>
      </c>
      <c r="K928" s="8">
        <v>1</v>
      </c>
      <c r="L928" s="8">
        <v>173824503</v>
      </c>
      <c r="M928" s="8">
        <v>173858546</v>
      </c>
      <c r="N928" s="12">
        <v>1</v>
      </c>
    </row>
    <row r="929" spans="1:21" ht="128.25" x14ac:dyDescent="0.2">
      <c r="A929" s="8" t="s">
        <v>2822</v>
      </c>
      <c r="B929" s="8">
        <v>0.21196162006715999</v>
      </c>
      <c r="C929" s="8">
        <v>4.5831132579335696</v>
      </c>
      <c r="D929" s="8">
        <v>3.70054275763427</v>
      </c>
      <c r="E929" s="26">
        <v>1.3022403165872201E-3</v>
      </c>
      <c r="F929" s="8">
        <v>2.3491078410528199E-3</v>
      </c>
      <c r="G929" s="8">
        <v>-2.9683825329795201</v>
      </c>
      <c r="H929" s="8">
        <v>9086</v>
      </c>
      <c r="I929" s="8" t="s">
        <v>2823</v>
      </c>
      <c r="J929" s="11" t="s">
        <v>2824</v>
      </c>
      <c r="K929" s="8" t="s">
        <v>377</v>
      </c>
      <c r="L929" s="8">
        <v>20575725</v>
      </c>
      <c r="M929" s="8">
        <v>20593154</v>
      </c>
      <c r="N929" s="12">
        <v>1</v>
      </c>
    </row>
    <row r="930" spans="1:21" ht="128.25" x14ac:dyDescent="0.2">
      <c r="A930" s="8" t="s">
        <v>2825</v>
      </c>
      <c r="B930" s="8">
        <v>-0.175058385218754</v>
      </c>
      <c r="C930" s="8">
        <v>5.1370580101116099</v>
      </c>
      <c r="D930" s="8">
        <v>-3.6964449110415698</v>
      </c>
      <c r="E930" s="26">
        <v>1.3150480701154101E-3</v>
      </c>
      <c r="F930" s="8">
        <v>2.3704091210657399E-3</v>
      </c>
      <c r="G930" s="8">
        <v>-3.0879994485002902</v>
      </c>
      <c r="H930" s="8">
        <v>55095</v>
      </c>
      <c r="I930" s="8" t="s">
        <v>2826</v>
      </c>
      <c r="J930" s="11" t="s">
        <v>2827</v>
      </c>
      <c r="K930" s="8">
        <v>19</v>
      </c>
      <c r="L930" s="8">
        <v>39342396</v>
      </c>
      <c r="M930" s="8">
        <v>39385710</v>
      </c>
      <c r="N930" s="12">
        <v>1</v>
      </c>
    </row>
    <row r="931" spans="1:21" ht="114" x14ac:dyDescent="0.2">
      <c r="A931" s="8" t="s">
        <v>2828</v>
      </c>
      <c r="B931" s="8">
        <v>-0.27253471779142902</v>
      </c>
      <c r="C931" s="8">
        <v>3.94552185870501</v>
      </c>
      <c r="D931" s="8">
        <v>-3.6956395793381001</v>
      </c>
      <c r="E931" s="26">
        <v>1.31757970235263E-3</v>
      </c>
      <c r="F931" s="8">
        <v>2.3745213686178499E-3</v>
      </c>
      <c r="G931" s="8">
        <v>-2.80753168010432</v>
      </c>
      <c r="H931" s="8">
        <v>125950</v>
      </c>
      <c r="I931" s="8" t="s">
        <v>2829</v>
      </c>
      <c r="J931" s="11" t="s">
        <v>2830</v>
      </c>
      <c r="K931" s="8">
        <v>19</v>
      </c>
      <c r="L931" s="8">
        <v>10316212</v>
      </c>
      <c r="M931" s="8">
        <v>10333640</v>
      </c>
      <c r="N931" s="12">
        <v>-1</v>
      </c>
      <c r="T931" s="25"/>
    </row>
    <row r="932" spans="1:21" ht="128.25" x14ac:dyDescent="0.2">
      <c r="A932" s="8" t="s">
        <v>2831</v>
      </c>
      <c r="B932" s="8">
        <v>0.15748013562821001</v>
      </c>
      <c r="C932" s="8">
        <v>5.3886838470138603</v>
      </c>
      <c r="D932" s="8">
        <v>3.6955993370320499</v>
      </c>
      <c r="E932" s="26">
        <v>1.3177063337690401E-3</v>
      </c>
      <c r="F932" s="8">
        <v>2.3745240808978299E-3</v>
      </c>
      <c r="G932" s="8">
        <v>-3.1429191006365498</v>
      </c>
      <c r="H932" s="8">
        <v>55280</v>
      </c>
      <c r="I932" s="8" t="s">
        <v>2832</v>
      </c>
      <c r="J932" s="11" t="s">
        <v>2833</v>
      </c>
      <c r="K932" s="8">
        <v>10</v>
      </c>
      <c r="L932" s="8">
        <v>100232298</v>
      </c>
      <c r="M932" s="8">
        <v>100267680</v>
      </c>
      <c r="N932" s="12">
        <v>-1</v>
      </c>
      <c r="T932" s="25"/>
    </row>
    <row r="933" spans="1:21" ht="128.25" x14ac:dyDescent="0.2">
      <c r="A933" s="8" t="s">
        <v>2834</v>
      </c>
      <c r="B933" s="8">
        <v>0.13543350874948901</v>
      </c>
      <c r="C933" s="8">
        <v>7.22638384067705</v>
      </c>
      <c r="D933" s="8">
        <v>3.6894349914155402</v>
      </c>
      <c r="E933" s="26">
        <v>1.33724635772845E-3</v>
      </c>
      <c r="F933" s="8">
        <v>2.4065361906697798E-3</v>
      </c>
      <c r="G933" s="8">
        <v>-3.3485334138334002</v>
      </c>
      <c r="H933" s="8">
        <v>79882</v>
      </c>
      <c r="I933" s="8" t="s">
        <v>2835</v>
      </c>
      <c r="J933" s="11" t="s">
        <v>2836</v>
      </c>
      <c r="K933" s="8">
        <v>14</v>
      </c>
      <c r="L933" s="8">
        <v>88562909</v>
      </c>
      <c r="M933" s="8">
        <v>88627596</v>
      </c>
      <c r="N933" s="12">
        <v>1</v>
      </c>
    </row>
    <row r="934" spans="1:21" ht="85.5" x14ac:dyDescent="0.2">
      <c r="A934" s="8" t="s">
        <v>2837</v>
      </c>
      <c r="B934" s="8">
        <v>-0.177704993658759</v>
      </c>
      <c r="C934" s="8">
        <v>5.30665085352351</v>
      </c>
      <c r="D934" s="8">
        <v>-3.6880487950278602</v>
      </c>
      <c r="E934" s="26">
        <v>1.34167961823252E-3</v>
      </c>
      <c r="F934" s="8">
        <v>2.4140565198822899E-3</v>
      </c>
      <c r="G934" s="8">
        <v>-3.1396710020751901</v>
      </c>
      <c r="H934" s="8">
        <v>1429</v>
      </c>
      <c r="I934" s="8" t="s">
        <v>2838</v>
      </c>
      <c r="J934" s="11" t="s">
        <v>2839</v>
      </c>
      <c r="K934" s="8">
        <v>1</v>
      </c>
      <c r="L934" s="8">
        <v>74705482</v>
      </c>
      <c r="M934" s="8">
        <v>74733408</v>
      </c>
      <c r="N934" s="12">
        <v>-1</v>
      </c>
    </row>
    <row r="935" spans="1:21" ht="156.75" x14ac:dyDescent="0.2">
      <c r="A935" s="8" t="s">
        <v>2840</v>
      </c>
      <c r="B935" s="8">
        <v>0.164623019978232</v>
      </c>
      <c r="C935" s="8">
        <v>6.1082103711764102</v>
      </c>
      <c r="D935" s="8">
        <v>3.6824852455625501</v>
      </c>
      <c r="E935" s="26">
        <v>1.35961906210448E-3</v>
      </c>
      <c r="F935" s="8">
        <v>2.4440173289340499E-3</v>
      </c>
      <c r="G935" s="8">
        <v>-3.2760034754301302</v>
      </c>
      <c r="H935" s="8">
        <v>51329</v>
      </c>
      <c r="I935" s="8" t="s">
        <v>2841</v>
      </c>
      <c r="J935" s="11" t="s">
        <v>2842</v>
      </c>
      <c r="K935" s="8">
        <v>12</v>
      </c>
      <c r="L935" s="8">
        <v>122980060</v>
      </c>
      <c r="M935" s="8">
        <v>122982913</v>
      </c>
      <c r="N935" s="12">
        <v>1</v>
      </c>
    </row>
    <row r="936" spans="1:21" ht="99.75" x14ac:dyDescent="0.2">
      <c r="A936" s="8" t="s">
        <v>2843</v>
      </c>
      <c r="B936" s="8">
        <v>-0.118770965359016</v>
      </c>
      <c r="C936" s="8">
        <v>7.9159250679770103</v>
      </c>
      <c r="D936" s="8">
        <v>-3.6822317538971201</v>
      </c>
      <c r="E936" s="26">
        <v>1.3604420496831199E-3</v>
      </c>
      <c r="F936" s="8">
        <v>2.44503350476716E-3</v>
      </c>
      <c r="G936" s="8">
        <v>-3.4041098548339801</v>
      </c>
      <c r="H936" s="8">
        <v>23543</v>
      </c>
      <c r="I936" s="8" t="s">
        <v>2844</v>
      </c>
      <c r="J936" s="11" t="s">
        <v>2845</v>
      </c>
      <c r="K936" s="8">
        <v>22</v>
      </c>
      <c r="L936" s="8">
        <v>35738736</v>
      </c>
      <c r="M936" s="8">
        <v>36028425</v>
      </c>
      <c r="N936" s="12">
        <v>-1</v>
      </c>
    </row>
    <row r="937" spans="1:21" ht="99.75" x14ac:dyDescent="0.2">
      <c r="A937" s="8" t="s">
        <v>2846</v>
      </c>
      <c r="B937" s="8">
        <v>0.24909301081776</v>
      </c>
      <c r="C937" s="8">
        <v>5.7182674111102996</v>
      </c>
      <c r="D937" s="8">
        <v>3.67576890496278</v>
      </c>
      <c r="E937" s="26">
        <v>1.3815911864554799E-3</v>
      </c>
      <c r="F937" s="8">
        <v>2.4790521884801198E-3</v>
      </c>
      <c r="G937" s="8">
        <v>-3.2428729063551001</v>
      </c>
      <c r="H937" s="8">
        <v>6217</v>
      </c>
      <c r="I937" s="8" t="s">
        <v>2847</v>
      </c>
      <c r="J937" s="11" t="s">
        <v>2848</v>
      </c>
      <c r="K937" s="8">
        <v>19</v>
      </c>
      <c r="L937" s="8">
        <v>39433207</v>
      </c>
      <c r="M937" s="8">
        <v>39435948</v>
      </c>
      <c r="N937" s="12">
        <v>-1</v>
      </c>
    </row>
    <row r="938" spans="1:21" ht="114" x14ac:dyDescent="0.2">
      <c r="A938" s="8" t="s">
        <v>2849</v>
      </c>
      <c r="B938" s="8">
        <v>0.18342553179096599</v>
      </c>
      <c r="C938" s="8">
        <v>5.2246082259160698</v>
      </c>
      <c r="D938" s="8">
        <v>3.6670382440846199</v>
      </c>
      <c r="E938" s="26">
        <v>1.4106773888402E-3</v>
      </c>
      <c r="F938" s="8">
        <v>2.5270177219937498E-3</v>
      </c>
      <c r="G938" s="8">
        <v>-3.1811664669250899</v>
      </c>
      <c r="H938" s="8">
        <v>84916</v>
      </c>
      <c r="I938" s="8" t="s">
        <v>2850</v>
      </c>
      <c r="J938" s="11" t="s">
        <v>2851</v>
      </c>
      <c r="K938" s="8">
        <v>16</v>
      </c>
      <c r="L938" s="8">
        <v>69131291</v>
      </c>
      <c r="M938" s="8">
        <v>69231130</v>
      </c>
      <c r="N938" s="12">
        <v>1</v>
      </c>
    </row>
    <row r="939" spans="1:21" ht="114" x14ac:dyDescent="0.2">
      <c r="A939" s="8" t="s">
        <v>2852</v>
      </c>
      <c r="B939" s="8">
        <v>0.205449449203779</v>
      </c>
      <c r="C939" s="8">
        <v>4.2675243148889797</v>
      </c>
      <c r="D939" s="8">
        <v>3.6665413191399399</v>
      </c>
      <c r="E939" s="26">
        <v>1.4123509410139E-3</v>
      </c>
      <c r="F939" s="8">
        <v>2.5297011616442402E-3</v>
      </c>
      <c r="G939" s="8">
        <v>-2.9721679246227302</v>
      </c>
      <c r="H939" s="8">
        <v>79590</v>
      </c>
      <c r="I939" s="8" t="s">
        <v>2853</v>
      </c>
      <c r="J939" s="11" t="s">
        <v>2854</v>
      </c>
      <c r="K939" s="8">
        <v>1</v>
      </c>
      <c r="L939" s="8">
        <v>156737303</v>
      </c>
      <c r="M939" s="8">
        <v>156741590</v>
      </c>
      <c r="N939" s="12">
        <v>-1</v>
      </c>
    </row>
    <row r="940" spans="1:21" ht="114" x14ac:dyDescent="0.2">
      <c r="A940" s="8" t="s">
        <v>2855</v>
      </c>
      <c r="B940" s="8">
        <v>0.14128770768353699</v>
      </c>
      <c r="C940" s="8">
        <v>5.6277771272250199</v>
      </c>
      <c r="D940" s="8">
        <v>3.6568778325007001</v>
      </c>
      <c r="E940" s="26">
        <v>1.4452878285511001E-3</v>
      </c>
      <c r="F940" s="8">
        <v>2.5843048263840701E-3</v>
      </c>
      <c r="G940" s="8">
        <v>-3.27276215790019</v>
      </c>
      <c r="H940" s="8">
        <v>1939</v>
      </c>
      <c r="I940" s="8" t="s">
        <v>2856</v>
      </c>
      <c r="J940" s="11" t="s">
        <v>2857</v>
      </c>
      <c r="K940" s="8">
        <v>1</v>
      </c>
      <c r="L940" s="8">
        <v>206571292</v>
      </c>
      <c r="M940" s="8">
        <v>206612463</v>
      </c>
      <c r="N940" s="12">
        <v>-1</v>
      </c>
      <c r="T940" s="25"/>
    </row>
    <row r="941" spans="1:21" ht="128.25" x14ac:dyDescent="0.2">
      <c r="A941" s="8" t="s">
        <v>2858</v>
      </c>
      <c r="B941" s="8">
        <v>0.18855134042579499</v>
      </c>
      <c r="C941" s="8">
        <v>5.23703604209111</v>
      </c>
      <c r="D941" s="8">
        <v>3.6442077705187002</v>
      </c>
      <c r="E941" s="26">
        <v>1.4896220282497E-3</v>
      </c>
      <c r="F941" s="8">
        <v>2.6578104048893599E-3</v>
      </c>
      <c r="G941" s="8">
        <v>-3.2372026947688299</v>
      </c>
      <c r="H941" s="8">
        <v>29960</v>
      </c>
      <c r="I941" s="8" t="s">
        <v>2859</v>
      </c>
      <c r="J941" s="11" t="s">
        <v>2860</v>
      </c>
      <c r="K941" s="8">
        <v>7</v>
      </c>
      <c r="L941" s="8">
        <v>2234231</v>
      </c>
      <c r="M941" s="8">
        <v>2242198</v>
      </c>
      <c r="N941" s="12">
        <v>-1</v>
      </c>
      <c r="T941" s="25"/>
      <c r="U941" s="25"/>
    </row>
    <row r="942" spans="1:21" ht="99.75" x14ac:dyDescent="0.2">
      <c r="A942" s="8" t="s">
        <v>2861</v>
      </c>
      <c r="B942" s="8">
        <v>0.13454951427703901</v>
      </c>
      <c r="C942" s="8">
        <v>8.2716835069777908</v>
      </c>
      <c r="D942" s="8">
        <v>3.6386398347070399</v>
      </c>
      <c r="E942" s="26">
        <v>1.5095264359262801E-3</v>
      </c>
      <c r="F942" s="8">
        <v>2.6905497487154199E-3</v>
      </c>
      <c r="G942" s="8">
        <v>-3.5273384118120701</v>
      </c>
      <c r="H942" s="8">
        <v>6157</v>
      </c>
      <c r="I942" s="8" t="s">
        <v>2862</v>
      </c>
      <c r="J942" s="11" t="s">
        <v>2863</v>
      </c>
      <c r="K942" s="8">
        <v>11</v>
      </c>
      <c r="L942" s="8">
        <v>8682411</v>
      </c>
      <c r="M942" s="8">
        <v>8714759</v>
      </c>
      <c r="N942" s="12">
        <v>1</v>
      </c>
    </row>
    <row r="943" spans="1:21" ht="99.75" x14ac:dyDescent="0.2">
      <c r="A943" s="8" t="s">
        <v>2864</v>
      </c>
      <c r="B943" s="8">
        <v>0.17204411059392399</v>
      </c>
      <c r="C943" s="8">
        <v>5.2193216032386403</v>
      </c>
      <c r="D943" s="8">
        <v>3.6367544707994202</v>
      </c>
      <c r="E943" s="26">
        <v>1.51632550877183E-3</v>
      </c>
      <c r="F943" s="8">
        <v>2.70216068926312E-3</v>
      </c>
      <c r="G943" s="8">
        <v>-3.2511887355075602</v>
      </c>
      <c r="H943" s="8">
        <v>79228</v>
      </c>
      <c r="I943" s="8" t="s">
        <v>2865</v>
      </c>
      <c r="J943" s="11" t="s">
        <v>2866</v>
      </c>
      <c r="K943" s="8">
        <v>16</v>
      </c>
      <c r="L943" s="8">
        <v>3024027</v>
      </c>
      <c r="M943" s="8">
        <v>3027755</v>
      </c>
      <c r="N943" s="12">
        <v>1</v>
      </c>
    </row>
    <row r="944" spans="1:21" ht="156.75" x14ac:dyDescent="0.2">
      <c r="A944" s="8" t="s">
        <v>2867</v>
      </c>
      <c r="B944" s="8">
        <v>0.16542452608824501</v>
      </c>
      <c r="C944" s="8">
        <v>5.6134334008104299</v>
      </c>
      <c r="D944" s="8">
        <v>3.6307924659008699</v>
      </c>
      <c r="E944" s="26">
        <v>1.53802512811257E-3</v>
      </c>
      <c r="F944" s="8">
        <v>2.7374885440060201E-3</v>
      </c>
      <c r="G944" s="8">
        <v>-3.33207318556703</v>
      </c>
      <c r="H944" s="8">
        <v>55687</v>
      </c>
      <c r="I944" s="8" t="s">
        <v>2868</v>
      </c>
      <c r="J944" s="11" t="s">
        <v>2869</v>
      </c>
      <c r="K944" s="8">
        <v>22</v>
      </c>
      <c r="L944" s="8">
        <v>46330875</v>
      </c>
      <c r="M944" s="8">
        <v>46357340</v>
      </c>
      <c r="N944" s="12">
        <v>1</v>
      </c>
    </row>
    <row r="945" spans="1:20" ht="114" x14ac:dyDescent="0.2">
      <c r="A945" s="8" t="s">
        <v>2870</v>
      </c>
      <c r="B945" s="8">
        <v>0.16931407589978301</v>
      </c>
      <c r="C945" s="8">
        <v>4.7173103825713003</v>
      </c>
      <c r="D945" s="8">
        <v>3.6168734485685099</v>
      </c>
      <c r="E945" s="26">
        <v>1.5898834554128501E-3</v>
      </c>
      <c r="F945" s="8">
        <v>2.8260788997161502E-3</v>
      </c>
      <c r="G945" s="8">
        <v>-3.19488998946255</v>
      </c>
      <c r="H945" s="8">
        <v>10240</v>
      </c>
      <c r="I945" s="8" t="s">
        <v>2871</v>
      </c>
      <c r="J945" s="11" t="s">
        <v>2872</v>
      </c>
      <c r="K945" s="8">
        <v>13</v>
      </c>
      <c r="L945" s="8">
        <v>40729135</v>
      </c>
      <c r="M945" s="8">
        <v>40771173</v>
      </c>
      <c r="N945" s="12">
        <v>-1</v>
      </c>
    </row>
    <row r="946" spans="1:20" ht="114" x14ac:dyDescent="0.2">
      <c r="A946" s="8" t="s">
        <v>2873</v>
      </c>
      <c r="B946" s="8">
        <v>0.16551696019016099</v>
      </c>
      <c r="C946" s="8">
        <v>6.1794130330403103</v>
      </c>
      <c r="D946" s="8">
        <v>3.59486817591924</v>
      </c>
      <c r="E946" s="26">
        <v>1.6754021699465201E-3</v>
      </c>
      <c r="F946" s="8">
        <v>2.9694692237858498E-3</v>
      </c>
      <c r="G946" s="8">
        <v>-3.4895811888577302</v>
      </c>
      <c r="H946" s="8">
        <v>1479</v>
      </c>
      <c r="I946" s="8" t="s">
        <v>2874</v>
      </c>
      <c r="J946" s="11" t="s">
        <v>2875</v>
      </c>
      <c r="K946" s="8">
        <v>11</v>
      </c>
      <c r="L946" s="8">
        <v>33077188</v>
      </c>
      <c r="M946" s="8">
        <v>33162371</v>
      </c>
      <c r="N946" s="12">
        <v>-1</v>
      </c>
    </row>
    <row r="947" spans="1:20" ht="128.25" x14ac:dyDescent="0.2">
      <c r="A947" s="8" t="s">
        <v>2876</v>
      </c>
      <c r="B947" s="8">
        <v>0.143369591762223</v>
      </c>
      <c r="C947" s="8">
        <v>10.6072578958838</v>
      </c>
      <c r="D947" s="8">
        <v>3.5907599385958</v>
      </c>
      <c r="E947" s="26">
        <v>1.6918622061291E-3</v>
      </c>
      <c r="F947" s="8">
        <v>2.9970819401983098E-3</v>
      </c>
      <c r="G947" s="8">
        <v>-3.7350935680335202</v>
      </c>
      <c r="H947" s="8">
        <v>3326</v>
      </c>
      <c r="I947" s="8" t="s">
        <v>2877</v>
      </c>
      <c r="J947" s="11" t="s">
        <v>2878</v>
      </c>
      <c r="K947" s="8">
        <v>6</v>
      </c>
      <c r="L947" s="8">
        <v>44246166</v>
      </c>
      <c r="M947" s="8">
        <v>44253888</v>
      </c>
      <c r="N947" s="12">
        <v>1</v>
      </c>
    </row>
    <row r="948" spans="1:20" ht="114" x14ac:dyDescent="0.2">
      <c r="A948" s="8" t="s">
        <v>2879</v>
      </c>
      <c r="B948" s="8">
        <v>0.34953205096831702</v>
      </c>
      <c r="C948" s="8">
        <v>3.13187649698079</v>
      </c>
      <c r="D948" s="8">
        <v>3.5858128765151598</v>
      </c>
      <c r="E948" s="26">
        <v>1.7118943642720401E-3</v>
      </c>
      <c r="F948" s="8">
        <v>3.02792612086779E-3</v>
      </c>
      <c r="G948" s="8">
        <v>-2.86101650848931</v>
      </c>
      <c r="H948" s="8">
        <v>118672</v>
      </c>
      <c r="I948" s="8" t="s">
        <v>2880</v>
      </c>
      <c r="J948" s="11" t="s">
        <v>2881</v>
      </c>
      <c r="K948" s="8">
        <v>10</v>
      </c>
      <c r="L948" s="8">
        <v>122954381</v>
      </c>
      <c r="M948" s="8">
        <v>122997513</v>
      </c>
      <c r="N948" s="12">
        <v>1</v>
      </c>
    </row>
    <row r="949" spans="1:20" ht="142.5" x14ac:dyDescent="0.2">
      <c r="A949" s="8" t="s">
        <v>2882</v>
      </c>
      <c r="B949" s="8">
        <v>-0.204318395994212</v>
      </c>
      <c r="C949" s="8">
        <v>4.2718170819230998</v>
      </c>
      <c r="D949" s="8">
        <v>-3.5827271130548701</v>
      </c>
      <c r="E949" s="26">
        <v>1.7245075520118101E-3</v>
      </c>
      <c r="F949" s="8">
        <v>3.0490990230623398E-3</v>
      </c>
      <c r="G949" s="8">
        <v>-3.1590004506829801</v>
      </c>
      <c r="H949" s="8">
        <v>51367</v>
      </c>
      <c r="I949" s="8" t="s">
        <v>2883</v>
      </c>
      <c r="J949" s="11" t="s">
        <v>2884</v>
      </c>
      <c r="K949" s="8">
        <v>12</v>
      </c>
      <c r="L949" s="8">
        <v>120578764</v>
      </c>
      <c r="M949" s="8">
        <v>120581398</v>
      </c>
      <c r="N949" s="12">
        <v>-1</v>
      </c>
    </row>
    <row r="950" spans="1:20" ht="99.75" x14ac:dyDescent="0.2">
      <c r="A950" s="8" t="s">
        <v>2885</v>
      </c>
      <c r="B950" s="8">
        <v>0.170031598140197</v>
      </c>
      <c r="C950" s="8">
        <v>8.6744966298134294</v>
      </c>
      <c r="D950" s="8">
        <v>3.5814035258689301</v>
      </c>
      <c r="E950" s="26">
        <v>1.7299457490347499E-3</v>
      </c>
      <c r="F950" s="8">
        <v>3.0581444321781501E-3</v>
      </c>
      <c r="G950" s="8">
        <v>-3.6820449937710702</v>
      </c>
      <c r="H950" s="8">
        <v>6168</v>
      </c>
      <c r="I950" s="8" t="s">
        <v>2886</v>
      </c>
      <c r="J950" s="11" t="s">
        <v>2887</v>
      </c>
      <c r="K950" s="8">
        <v>2</v>
      </c>
      <c r="L950" s="8">
        <v>216498189</v>
      </c>
      <c r="M950" s="8">
        <v>216579180</v>
      </c>
      <c r="N950" s="12">
        <v>1</v>
      </c>
      <c r="T950" s="25"/>
    </row>
    <row r="951" spans="1:20" ht="128.25" x14ac:dyDescent="0.2">
      <c r="A951" s="8" t="s">
        <v>2888</v>
      </c>
      <c r="B951" s="8">
        <v>0.144405640070945</v>
      </c>
      <c r="C951" s="8">
        <v>7.6516173289182197</v>
      </c>
      <c r="D951" s="8">
        <v>3.5810655768063802</v>
      </c>
      <c r="E951" s="26">
        <v>1.73133697541271E-3</v>
      </c>
      <c r="F951" s="8">
        <v>3.06031872041793E-3</v>
      </c>
      <c r="G951" s="8">
        <v>-3.62804356644935</v>
      </c>
      <c r="H951" s="8">
        <v>7458</v>
      </c>
      <c r="I951" s="8" t="s">
        <v>2889</v>
      </c>
      <c r="J951" s="11" t="s">
        <v>2890</v>
      </c>
      <c r="K951" s="8">
        <v>7</v>
      </c>
      <c r="L951" s="8">
        <v>74174245</v>
      </c>
      <c r="M951" s="8">
        <v>74197101</v>
      </c>
      <c r="N951" s="12">
        <v>1</v>
      </c>
    </row>
    <row r="952" spans="1:20" ht="114" x14ac:dyDescent="0.2">
      <c r="A952" s="8" t="s">
        <v>2891</v>
      </c>
      <c r="B952" s="8">
        <v>0.150660565021208</v>
      </c>
      <c r="C952" s="8">
        <v>6.0590627023178696</v>
      </c>
      <c r="D952" s="8">
        <v>3.5797305456955302</v>
      </c>
      <c r="E952" s="26">
        <v>1.73684363463715E-3</v>
      </c>
      <c r="F952" s="8">
        <v>3.0694805042381498E-3</v>
      </c>
      <c r="G952" s="8">
        <v>-3.5114927865407299</v>
      </c>
      <c r="H952" s="8">
        <v>55833</v>
      </c>
      <c r="I952" s="8" t="s">
        <v>2892</v>
      </c>
      <c r="J952" s="11" t="s">
        <v>2893</v>
      </c>
      <c r="K952" s="8">
        <v>9</v>
      </c>
      <c r="L952" s="8">
        <v>33921693</v>
      </c>
      <c r="M952" s="8">
        <v>34048949</v>
      </c>
      <c r="N952" s="12">
        <v>-1</v>
      </c>
    </row>
    <row r="953" spans="1:20" ht="142.5" x14ac:dyDescent="0.2">
      <c r="A953" s="8" t="s">
        <v>2894</v>
      </c>
      <c r="B953" s="8">
        <v>0.53113963695245303</v>
      </c>
      <c r="C953" s="8">
        <v>1.0114948561157899</v>
      </c>
      <c r="D953" s="8">
        <v>3.57367824076591</v>
      </c>
      <c r="E953" s="26">
        <v>1.7620247014716499E-3</v>
      </c>
      <c r="F953" s="8">
        <v>3.1096384971475398E-3</v>
      </c>
      <c r="G953" s="8">
        <v>-2.2919463692601201</v>
      </c>
      <c r="H953" s="8">
        <v>22849</v>
      </c>
      <c r="I953" s="8" t="s">
        <v>2895</v>
      </c>
      <c r="J953" s="11" t="s">
        <v>2896</v>
      </c>
      <c r="K953" s="8">
        <v>10</v>
      </c>
      <c r="L953" s="8">
        <v>92046692</v>
      </c>
      <c r="M953" s="8">
        <v>92291087</v>
      </c>
      <c r="N953" s="12">
        <v>-1</v>
      </c>
    </row>
    <row r="954" spans="1:20" ht="114" x14ac:dyDescent="0.2">
      <c r="A954" s="8" t="s">
        <v>2897</v>
      </c>
      <c r="B954" s="8">
        <v>-0.12421614207772599</v>
      </c>
      <c r="C954" s="8">
        <v>8.6948732375209801</v>
      </c>
      <c r="D954" s="8">
        <v>-3.5700388840287198</v>
      </c>
      <c r="E954" s="26">
        <v>1.7773390357008899E-3</v>
      </c>
      <c r="F954" s="8">
        <v>3.1349161521048198E-3</v>
      </c>
      <c r="G954" s="8">
        <v>-3.7082246275441699</v>
      </c>
      <c r="H954" s="8">
        <v>10594</v>
      </c>
      <c r="I954" s="8" t="s">
        <v>2898</v>
      </c>
      <c r="J954" s="11" t="s">
        <v>2899</v>
      </c>
      <c r="K954" s="8">
        <v>17</v>
      </c>
      <c r="L954" s="8">
        <v>1650629</v>
      </c>
      <c r="M954" s="8">
        <v>1684882</v>
      </c>
      <c r="N954" s="12">
        <v>-1</v>
      </c>
    </row>
    <row r="955" spans="1:20" ht="128.25" x14ac:dyDescent="0.2">
      <c r="A955" s="8" t="s">
        <v>2900</v>
      </c>
      <c r="B955" s="8">
        <v>0.215827674672006</v>
      </c>
      <c r="C955" s="8">
        <v>4.2157494568631799</v>
      </c>
      <c r="D955" s="8">
        <v>3.5690521748561199</v>
      </c>
      <c r="E955" s="26">
        <v>1.7815135935132401E-3</v>
      </c>
      <c r="F955" s="8">
        <v>3.1411115361981599E-3</v>
      </c>
      <c r="G955" s="8">
        <v>-3.18792258944864</v>
      </c>
      <c r="H955" s="8">
        <v>8846</v>
      </c>
      <c r="I955" s="8" t="s">
        <v>2901</v>
      </c>
      <c r="J955" s="11" t="s">
        <v>2902</v>
      </c>
      <c r="K955" s="8">
        <v>14</v>
      </c>
      <c r="L955" s="8">
        <v>77672404</v>
      </c>
      <c r="M955" s="8">
        <v>77708020</v>
      </c>
      <c r="N955" s="12">
        <v>-1</v>
      </c>
    </row>
    <row r="956" spans="1:20" ht="99.75" x14ac:dyDescent="0.2">
      <c r="A956" s="8" t="s">
        <v>2903</v>
      </c>
      <c r="B956" s="8">
        <v>0.145486116809771</v>
      </c>
      <c r="C956" s="8">
        <v>5.2405895169862298</v>
      </c>
      <c r="D956" s="8">
        <v>3.5673083555715301</v>
      </c>
      <c r="E956" s="26">
        <v>1.7889149155771199E-3</v>
      </c>
      <c r="F956" s="8">
        <v>3.1529895377455999E-3</v>
      </c>
      <c r="G956" s="8">
        <v>-3.41735819956891</v>
      </c>
      <c r="H956" s="8" t="s">
        <v>2904</v>
      </c>
      <c r="I956" s="8" t="s">
        <v>2905</v>
      </c>
      <c r="J956" s="11" t="s">
        <v>2906</v>
      </c>
      <c r="K956" s="8">
        <v>11</v>
      </c>
      <c r="L956" s="8">
        <v>86244544</v>
      </c>
      <c r="M956" s="8">
        <v>86278813</v>
      </c>
      <c r="N956" s="12">
        <v>1</v>
      </c>
    </row>
    <row r="957" spans="1:20" ht="142.5" x14ac:dyDescent="0.2">
      <c r="A957" s="8" t="s">
        <v>2907</v>
      </c>
      <c r="B957" s="8">
        <v>0.131034025407436</v>
      </c>
      <c r="C957" s="8">
        <v>7.4193984504305499</v>
      </c>
      <c r="D957" s="8">
        <v>3.5665872874033302</v>
      </c>
      <c r="E957" s="26">
        <v>1.79198418660204E-3</v>
      </c>
      <c r="F957" s="8">
        <v>3.1575193973209801E-3</v>
      </c>
      <c r="G957" s="8">
        <v>-3.6483451662541602</v>
      </c>
      <c r="H957" s="8">
        <v>283459</v>
      </c>
      <c r="I957" s="8" t="s">
        <v>2908</v>
      </c>
      <c r="J957" s="11" t="s">
        <v>2909</v>
      </c>
      <c r="K957" s="8">
        <v>12</v>
      </c>
      <c r="L957" s="8">
        <v>120446438</v>
      </c>
      <c r="M957" s="8">
        <v>120463749</v>
      </c>
      <c r="N957" s="12">
        <v>1</v>
      </c>
    </row>
    <row r="958" spans="1:20" ht="99.75" x14ac:dyDescent="0.2">
      <c r="A958" s="8" t="s">
        <v>2910</v>
      </c>
      <c r="B958" s="8">
        <v>-0.15996105146952999</v>
      </c>
      <c r="C958" s="8">
        <v>5.6702825279734403</v>
      </c>
      <c r="D958" s="8">
        <v>-3.5605752084895501</v>
      </c>
      <c r="E958" s="26">
        <v>1.8177773502146999E-3</v>
      </c>
      <c r="F958" s="8">
        <v>3.1985128210500202E-3</v>
      </c>
      <c r="G958" s="8">
        <v>-3.4997940041923501</v>
      </c>
      <c r="H958" s="8">
        <v>79724</v>
      </c>
      <c r="I958" s="8" t="s">
        <v>2911</v>
      </c>
      <c r="J958" s="11" t="s">
        <v>2912</v>
      </c>
      <c r="K958" s="8">
        <v>16</v>
      </c>
      <c r="L958" s="8">
        <v>30524001</v>
      </c>
      <c r="M958" s="8">
        <v>30526821</v>
      </c>
      <c r="N958" s="12">
        <v>-1</v>
      </c>
    </row>
    <row r="959" spans="1:20" ht="114" x14ac:dyDescent="0.2">
      <c r="A959" s="8" t="s">
        <v>2913</v>
      </c>
      <c r="B959" s="8">
        <v>0.171851025871542</v>
      </c>
      <c r="C959" s="8">
        <v>5.5506299518573101</v>
      </c>
      <c r="D959" s="8">
        <v>3.5588416579361799</v>
      </c>
      <c r="E959" s="26">
        <v>1.8252822308833299E-3</v>
      </c>
      <c r="F959" s="8">
        <v>3.2096349977272899E-3</v>
      </c>
      <c r="G959" s="8">
        <v>-3.49078639328367</v>
      </c>
      <c r="H959" s="8">
        <v>51530</v>
      </c>
      <c r="I959" s="8" t="s">
        <v>2914</v>
      </c>
      <c r="J959" s="11" t="s">
        <v>2915</v>
      </c>
      <c r="K959" s="8">
        <v>7</v>
      </c>
      <c r="L959" s="8">
        <v>130018286</v>
      </c>
      <c r="M959" s="8">
        <v>130051451</v>
      </c>
      <c r="N959" s="12">
        <v>-1</v>
      </c>
    </row>
    <row r="960" spans="1:20" ht="156.75" x14ac:dyDescent="0.2">
      <c r="A960" s="8" t="s">
        <v>2916</v>
      </c>
      <c r="B960" s="8">
        <v>0.148974571940757</v>
      </c>
      <c r="C960" s="8">
        <v>7.1587431346613997</v>
      </c>
      <c r="D960" s="8">
        <v>3.5567631494352701</v>
      </c>
      <c r="E960" s="26">
        <v>1.83432066590941E-3</v>
      </c>
      <c r="F960" s="8">
        <v>3.2243011222368701E-3</v>
      </c>
      <c r="G960" s="8">
        <v>-3.65565026730807</v>
      </c>
      <c r="H960" s="8">
        <v>55699</v>
      </c>
      <c r="I960" s="8" t="s">
        <v>2917</v>
      </c>
      <c r="J960" s="11" t="s">
        <v>2918</v>
      </c>
      <c r="K960" s="8">
        <v>1</v>
      </c>
      <c r="L960" s="8">
        <v>220094102</v>
      </c>
      <c r="M960" s="8">
        <v>220148041</v>
      </c>
      <c r="N960" s="12">
        <v>1</v>
      </c>
      <c r="T960" s="25"/>
    </row>
    <row r="961" spans="1:20" ht="128.25" x14ac:dyDescent="0.2">
      <c r="A961" s="8" t="s">
        <v>2919</v>
      </c>
      <c r="B961" s="8">
        <v>-0.13006295741673099</v>
      </c>
      <c r="C961" s="8">
        <v>7.0903764809400096</v>
      </c>
      <c r="D961" s="8">
        <v>-3.5488512514664698</v>
      </c>
      <c r="E961" s="26">
        <v>1.8691299441744001E-3</v>
      </c>
      <c r="F961" s="8">
        <v>3.2803550310365002E-3</v>
      </c>
      <c r="G961" s="8">
        <v>-3.6681073993052</v>
      </c>
      <c r="H961" s="8">
        <v>10147</v>
      </c>
      <c r="I961" s="8" t="s">
        <v>2920</v>
      </c>
      <c r="J961" s="11" t="s">
        <v>2921</v>
      </c>
      <c r="K961" s="8">
        <v>19</v>
      </c>
      <c r="L961" s="8">
        <v>18990888</v>
      </c>
      <c r="M961" s="8">
        <v>19034023</v>
      </c>
      <c r="N961" s="12">
        <v>-1</v>
      </c>
    </row>
    <row r="962" spans="1:20" ht="142.5" x14ac:dyDescent="0.2">
      <c r="A962" s="8" t="s">
        <v>2922</v>
      </c>
      <c r="B962" s="8">
        <v>-0.306308032000639</v>
      </c>
      <c r="C962" s="8">
        <v>2.97204667610827</v>
      </c>
      <c r="D962" s="8">
        <v>-3.54816757652145</v>
      </c>
      <c r="E962" s="26">
        <v>1.87216814479938E-3</v>
      </c>
      <c r="F962" s="8">
        <v>3.2853832886866898E-3</v>
      </c>
      <c r="G962" s="8">
        <v>-2.88566071490057</v>
      </c>
      <c r="H962" s="8">
        <v>80336</v>
      </c>
      <c r="I962" s="8" t="s">
        <v>2923</v>
      </c>
      <c r="J962" s="11" t="s">
        <v>2924</v>
      </c>
      <c r="K962" s="8">
        <v>20</v>
      </c>
      <c r="L962" s="8">
        <v>44910062</v>
      </c>
      <c r="M962" s="8">
        <v>44959035</v>
      </c>
      <c r="N962" s="12">
        <v>1</v>
      </c>
    </row>
    <row r="963" spans="1:20" ht="114" x14ac:dyDescent="0.2">
      <c r="A963" s="8" t="s">
        <v>2925</v>
      </c>
      <c r="B963" s="8">
        <v>0.14538905434351901</v>
      </c>
      <c r="C963" s="8">
        <v>6.8390379119463702</v>
      </c>
      <c r="D963" s="8">
        <v>3.5187488769820399</v>
      </c>
      <c r="E963" s="26">
        <v>2.0076014156900999E-3</v>
      </c>
      <c r="F963" s="8">
        <v>3.5045765859213602E-3</v>
      </c>
      <c r="G963" s="8">
        <v>-3.72353813258681</v>
      </c>
      <c r="H963" s="8">
        <v>4848</v>
      </c>
      <c r="I963" s="8" t="s">
        <v>2926</v>
      </c>
      <c r="J963" s="11" t="s">
        <v>2927</v>
      </c>
      <c r="K963" s="8">
        <v>12</v>
      </c>
      <c r="L963" s="8">
        <v>70242994</v>
      </c>
      <c r="M963" s="8">
        <v>70354993</v>
      </c>
      <c r="N963" s="12">
        <v>1</v>
      </c>
    </row>
    <row r="964" spans="1:20" ht="99.75" x14ac:dyDescent="0.2">
      <c r="A964" s="8" t="s">
        <v>2928</v>
      </c>
      <c r="B964" s="8">
        <v>-0.20923438671374001</v>
      </c>
      <c r="C964" s="8">
        <v>5.9430888163372799</v>
      </c>
      <c r="D964" s="8">
        <v>-3.5181119623964801</v>
      </c>
      <c r="E964" s="26">
        <v>2.01063749241614E-3</v>
      </c>
      <c r="F964" s="8">
        <v>3.5092309108416299E-3</v>
      </c>
      <c r="G964" s="8">
        <v>-3.6359397115968699</v>
      </c>
      <c r="H964" s="8">
        <v>79039</v>
      </c>
      <c r="I964" s="8" t="s">
        <v>2929</v>
      </c>
      <c r="J964" s="11" t="s">
        <v>2930</v>
      </c>
      <c r="K964" s="8">
        <v>12</v>
      </c>
      <c r="L964" s="8">
        <v>113157174</v>
      </c>
      <c r="M964" s="8">
        <v>113185479</v>
      </c>
      <c r="N964" s="12">
        <v>-1</v>
      </c>
    </row>
    <row r="965" spans="1:20" ht="99.75" x14ac:dyDescent="0.2">
      <c r="A965" s="8" t="s">
        <v>2931</v>
      </c>
      <c r="B965" s="8">
        <v>-0.136075123132116</v>
      </c>
      <c r="C965" s="8">
        <v>8.3591491882735802</v>
      </c>
      <c r="D965" s="8">
        <v>-3.5111177589284899</v>
      </c>
      <c r="E965" s="26">
        <v>2.0442757924991699E-3</v>
      </c>
      <c r="F965" s="8">
        <v>3.5656453781486002E-3</v>
      </c>
      <c r="G965" s="8">
        <v>-3.8287296841631502</v>
      </c>
      <c r="H965" s="8">
        <v>4288</v>
      </c>
      <c r="I965" s="8" t="s">
        <v>2932</v>
      </c>
      <c r="J965" s="11" t="s">
        <v>2933</v>
      </c>
      <c r="K965" s="8">
        <v>10</v>
      </c>
      <c r="L965" s="8">
        <v>128096659</v>
      </c>
      <c r="M965" s="8">
        <v>128126385</v>
      </c>
      <c r="N965" s="12">
        <v>-1</v>
      </c>
    </row>
    <row r="966" spans="1:20" ht="128.25" x14ac:dyDescent="0.2">
      <c r="A966" s="8" t="s">
        <v>2934</v>
      </c>
      <c r="B966" s="8">
        <v>0.17189907089286599</v>
      </c>
      <c r="C966" s="8">
        <v>6.4040959254783303</v>
      </c>
      <c r="D966" s="8">
        <v>3.4989460059175101</v>
      </c>
      <c r="E966" s="26">
        <v>2.1041372149446999E-3</v>
      </c>
      <c r="F966" s="8">
        <v>3.6606354902828601E-3</v>
      </c>
      <c r="G966" s="8">
        <v>-3.73567828858378</v>
      </c>
      <c r="H966" s="8">
        <v>9238</v>
      </c>
      <c r="I966" s="8" t="s">
        <v>2935</v>
      </c>
      <c r="J966" s="11" t="s">
        <v>2936</v>
      </c>
      <c r="K966" s="8">
        <v>7</v>
      </c>
      <c r="L966" s="8">
        <v>45100100</v>
      </c>
      <c r="M966" s="8">
        <v>45112047</v>
      </c>
      <c r="N966" s="12">
        <v>-1</v>
      </c>
    </row>
    <row r="967" spans="1:20" ht="85.5" x14ac:dyDescent="0.2">
      <c r="A967" s="8" t="s">
        <v>2937</v>
      </c>
      <c r="B967" s="8">
        <v>0.131575925265008</v>
      </c>
      <c r="C967" s="8">
        <v>7.5420080466746997</v>
      </c>
      <c r="D967" s="8">
        <v>3.4946948386674599</v>
      </c>
      <c r="E967" s="26">
        <v>2.1254473492314701E-3</v>
      </c>
      <c r="F967" s="8">
        <v>3.6936460024144298E-3</v>
      </c>
      <c r="G967" s="8">
        <v>-3.82309937870505</v>
      </c>
      <c r="H967" s="8">
        <v>4090</v>
      </c>
      <c r="I967" s="8" t="s">
        <v>2938</v>
      </c>
      <c r="J967" s="11" t="s">
        <v>2939</v>
      </c>
      <c r="K967" s="8">
        <v>5</v>
      </c>
      <c r="L967" s="8">
        <v>136132845</v>
      </c>
      <c r="M967" s="8">
        <v>136188747</v>
      </c>
      <c r="N967" s="12">
        <v>1</v>
      </c>
    </row>
    <row r="968" spans="1:20" ht="128.25" x14ac:dyDescent="0.2">
      <c r="A968" s="8" t="s">
        <v>2940</v>
      </c>
      <c r="B968" s="8">
        <v>0.134995801208769</v>
      </c>
      <c r="C968" s="8">
        <v>8.1647334486010497</v>
      </c>
      <c r="D968" s="8">
        <v>3.4938711702970102</v>
      </c>
      <c r="E968" s="26">
        <v>2.1296006305417002E-3</v>
      </c>
      <c r="F968" s="8">
        <v>3.6998472183273701E-3</v>
      </c>
      <c r="G968" s="8">
        <v>-3.8599120141338101</v>
      </c>
      <c r="H968" s="8">
        <v>10772</v>
      </c>
      <c r="I968" s="8" t="s">
        <v>2941</v>
      </c>
      <c r="J968" s="11" t="s">
        <v>2942</v>
      </c>
      <c r="K968" s="8">
        <v>1</v>
      </c>
      <c r="L968" s="8">
        <v>23964804</v>
      </c>
      <c r="M968" s="8">
        <v>23980927</v>
      </c>
      <c r="N968" s="12">
        <v>-1</v>
      </c>
    </row>
    <row r="969" spans="1:20" ht="99.75" x14ac:dyDescent="0.2">
      <c r="A969" s="8" t="s">
        <v>2943</v>
      </c>
      <c r="B969" s="8">
        <v>0.12535540057667899</v>
      </c>
      <c r="C969" s="8">
        <v>5.9941849919513004</v>
      </c>
      <c r="D969" s="8">
        <v>3.4877431178149698</v>
      </c>
      <c r="E969" s="26">
        <v>2.16075180817184E-3</v>
      </c>
      <c r="F969" s="8">
        <v>3.7498479253477001E-3</v>
      </c>
      <c r="G969" s="8">
        <v>-3.7180635895314502</v>
      </c>
      <c r="H969" s="8">
        <v>55802</v>
      </c>
      <c r="I969" s="8" t="s">
        <v>2944</v>
      </c>
      <c r="J969" s="11" t="s">
        <v>2945</v>
      </c>
      <c r="K969" s="8">
        <v>3</v>
      </c>
      <c r="L969" s="8">
        <v>53283428</v>
      </c>
      <c r="M969" s="8">
        <v>53347610</v>
      </c>
      <c r="N969" s="12">
        <v>-1</v>
      </c>
    </row>
    <row r="970" spans="1:20" ht="142.5" x14ac:dyDescent="0.2">
      <c r="A970" s="8" t="s">
        <v>2946</v>
      </c>
      <c r="B970" s="8">
        <v>-0.14047497614044599</v>
      </c>
      <c r="C970" s="8">
        <v>5.6090193830659398</v>
      </c>
      <c r="D970" s="8">
        <v>-3.4852722445254001</v>
      </c>
      <c r="E970" s="26">
        <v>2.1734382348701101E-3</v>
      </c>
      <c r="F970" s="8">
        <v>3.76922934201823E-3</v>
      </c>
      <c r="G970" s="8">
        <v>-3.66612861849964</v>
      </c>
      <c r="H970" s="8">
        <v>23293</v>
      </c>
      <c r="I970" s="8" t="s">
        <v>2947</v>
      </c>
      <c r="J970" s="11" t="s">
        <v>2948</v>
      </c>
      <c r="K970" s="8">
        <v>17</v>
      </c>
      <c r="L970" s="8">
        <v>2059839</v>
      </c>
      <c r="M970" s="8">
        <v>2303771</v>
      </c>
      <c r="N970" s="12">
        <v>-1</v>
      </c>
    </row>
    <row r="971" spans="1:20" ht="128.25" x14ac:dyDescent="0.2">
      <c r="A971" s="8" t="s">
        <v>2949</v>
      </c>
      <c r="B971" s="8">
        <v>0.209571178304017</v>
      </c>
      <c r="C971" s="8">
        <v>4.3541638165088097</v>
      </c>
      <c r="D971" s="8">
        <v>3.4823297519772498</v>
      </c>
      <c r="E971" s="26">
        <v>2.18864146226792E-3</v>
      </c>
      <c r="F971" s="8">
        <v>3.7947783489683199E-3</v>
      </c>
      <c r="G971" s="8">
        <v>-3.4241114534711898</v>
      </c>
      <c r="H971" s="8">
        <v>51092</v>
      </c>
      <c r="I971" s="8" t="s">
        <v>2950</v>
      </c>
      <c r="J971" s="11" t="s">
        <v>2951</v>
      </c>
      <c r="K971" s="8">
        <v>11</v>
      </c>
      <c r="L971" s="8">
        <v>117178733</v>
      </c>
      <c r="M971" s="8">
        <v>117197445</v>
      </c>
      <c r="N971" s="12">
        <v>1</v>
      </c>
    </row>
    <row r="972" spans="1:20" ht="114" x14ac:dyDescent="0.2">
      <c r="A972" s="8" t="s">
        <v>2952</v>
      </c>
      <c r="B972" s="8">
        <v>0.11710998045783801</v>
      </c>
      <c r="C972" s="8">
        <v>6.6016528439303102</v>
      </c>
      <c r="D972" s="8">
        <v>3.4792063420385402</v>
      </c>
      <c r="E972" s="26">
        <v>2.2048935590385501E-3</v>
      </c>
      <c r="F972" s="8">
        <v>3.8201648014128198E-3</v>
      </c>
      <c r="G972" s="8">
        <v>-3.7978866416506198</v>
      </c>
      <c r="H972" s="8">
        <v>55147</v>
      </c>
      <c r="I972" s="8" t="s">
        <v>2953</v>
      </c>
      <c r="J972" s="11" t="s">
        <v>2954</v>
      </c>
      <c r="K972" s="8">
        <v>14</v>
      </c>
      <c r="L972" s="8">
        <v>22893206</v>
      </c>
      <c r="M972" s="8">
        <v>22919184</v>
      </c>
      <c r="N972" s="12">
        <v>-1</v>
      </c>
      <c r="T972" s="25"/>
    </row>
    <row r="973" spans="1:20" ht="99.75" x14ac:dyDescent="0.2">
      <c r="A973" s="8" t="s">
        <v>2955</v>
      </c>
      <c r="B973" s="8">
        <v>0.249055945920241</v>
      </c>
      <c r="C973" s="8">
        <v>4.9912763415989501</v>
      </c>
      <c r="D973" s="8">
        <v>3.4781717329574202</v>
      </c>
      <c r="E973" s="26">
        <v>2.2103030067880699E-3</v>
      </c>
      <c r="F973" s="8">
        <v>3.8284885140395398E-3</v>
      </c>
      <c r="G973" s="8">
        <v>-3.57807195629006</v>
      </c>
      <c r="H973" s="8">
        <v>55646</v>
      </c>
      <c r="I973" s="8" t="s">
        <v>2956</v>
      </c>
      <c r="J973" s="11" t="s">
        <v>2957</v>
      </c>
      <c r="K973" s="8">
        <v>4</v>
      </c>
      <c r="L973" s="8">
        <v>4267701</v>
      </c>
      <c r="M973" s="8">
        <v>4290169</v>
      </c>
      <c r="N973" s="12">
        <v>-1</v>
      </c>
    </row>
    <row r="974" spans="1:20" ht="213.75" x14ac:dyDescent="0.2">
      <c r="A974" s="8" t="s">
        <v>2958</v>
      </c>
      <c r="B974" s="8">
        <v>0.119380094055112</v>
      </c>
      <c r="C974" s="8">
        <v>9.2315921128924696</v>
      </c>
      <c r="D974" s="8">
        <v>3.4702124028494201</v>
      </c>
      <c r="E974" s="26">
        <v>2.2523557025373999E-3</v>
      </c>
      <c r="F974" s="8">
        <v>3.8967047285123702E-3</v>
      </c>
      <c r="G974" s="8">
        <v>-3.9653938223662402</v>
      </c>
      <c r="H974" s="8">
        <v>498</v>
      </c>
      <c r="I974" s="8" t="s">
        <v>2959</v>
      </c>
      <c r="J974" s="11" t="s">
        <v>2960</v>
      </c>
      <c r="K974" s="8">
        <v>18</v>
      </c>
      <c r="L974" s="8">
        <v>46080248</v>
      </c>
      <c r="M974" s="8">
        <v>46104334</v>
      </c>
      <c r="N974" s="12">
        <v>-1</v>
      </c>
    </row>
    <row r="975" spans="1:20" ht="128.25" x14ac:dyDescent="0.2">
      <c r="A975" s="8" t="s">
        <v>2961</v>
      </c>
      <c r="B975" s="8">
        <v>0.18507719079910601</v>
      </c>
      <c r="C975" s="8">
        <v>9.1003332408767807</v>
      </c>
      <c r="D975" s="8">
        <v>3.4695746350311198</v>
      </c>
      <c r="E975" s="26">
        <v>2.2557590571537301E-3</v>
      </c>
      <c r="F975" s="8">
        <v>3.9018812895457501E-3</v>
      </c>
      <c r="G975" s="8">
        <v>-3.9617099089273502</v>
      </c>
      <c r="H975" s="8">
        <v>3320</v>
      </c>
      <c r="I975" s="8" t="s">
        <v>2962</v>
      </c>
      <c r="J975" s="11" t="s">
        <v>2963</v>
      </c>
      <c r="K975" s="8">
        <v>14</v>
      </c>
      <c r="L975" s="8">
        <v>102080738</v>
      </c>
      <c r="M975" s="8">
        <v>102139699</v>
      </c>
      <c r="N975" s="12">
        <v>-1</v>
      </c>
    </row>
    <row r="976" spans="1:20" ht="114" x14ac:dyDescent="0.2">
      <c r="A976" s="8" t="s">
        <v>2964</v>
      </c>
      <c r="B976" s="8">
        <v>0.179919323232786</v>
      </c>
      <c r="C976" s="8">
        <v>5.3144402383877702</v>
      </c>
      <c r="D976" s="8">
        <v>3.4637336627628401</v>
      </c>
      <c r="E976" s="26">
        <v>2.2871639575444799E-3</v>
      </c>
      <c r="F976" s="8">
        <v>3.9533209237928302E-3</v>
      </c>
      <c r="G976" s="8">
        <v>-3.6724371107941001</v>
      </c>
      <c r="H976" s="8">
        <v>10262</v>
      </c>
      <c r="I976" s="8" t="s">
        <v>2965</v>
      </c>
      <c r="J976" s="11" t="s">
        <v>2966</v>
      </c>
      <c r="K976" s="8">
        <v>1</v>
      </c>
      <c r="L976" s="8">
        <v>149923317</v>
      </c>
      <c r="M976" s="8">
        <v>149928344</v>
      </c>
      <c r="N976" s="12">
        <v>-1</v>
      </c>
    </row>
    <row r="977" spans="1:20" ht="99.75" x14ac:dyDescent="0.2">
      <c r="A977" s="8" t="s">
        <v>2967</v>
      </c>
      <c r="B977" s="8">
        <v>0.13854315696191699</v>
      </c>
      <c r="C977" s="8">
        <v>5.9113662440852099</v>
      </c>
      <c r="D977" s="8">
        <v>3.4636884308726499</v>
      </c>
      <c r="E977" s="26">
        <v>2.28740881819857E-3</v>
      </c>
      <c r="F977" s="8">
        <v>3.9533840749502898E-3</v>
      </c>
      <c r="G977" s="8">
        <v>-3.76363179388819</v>
      </c>
      <c r="H977" s="8">
        <v>4236</v>
      </c>
      <c r="I977" s="8" t="s">
        <v>2968</v>
      </c>
      <c r="J977" s="11" t="s">
        <v>2969</v>
      </c>
      <c r="K977" s="8">
        <v>15</v>
      </c>
      <c r="L977" s="8">
        <v>43804492</v>
      </c>
      <c r="M977" s="8">
        <v>43824802</v>
      </c>
      <c r="N977" s="12">
        <v>-1</v>
      </c>
    </row>
    <row r="978" spans="1:20" ht="128.25" x14ac:dyDescent="0.2">
      <c r="A978" s="8" t="s">
        <v>2970</v>
      </c>
      <c r="B978" s="8">
        <v>0.29089335988370901</v>
      </c>
      <c r="C978" s="8">
        <v>3.4687998718720898</v>
      </c>
      <c r="D978" s="8">
        <v>3.44669476865811</v>
      </c>
      <c r="E978" s="26">
        <v>2.38124444987583E-3</v>
      </c>
      <c r="F978" s="8">
        <v>4.1050941065855504E-3</v>
      </c>
      <c r="G978" s="8">
        <v>-3.2764923530132699</v>
      </c>
      <c r="H978" s="8">
        <v>64283</v>
      </c>
      <c r="I978" s="8" t="s">
        <v>2971</v>
      </c>
      <c r="J978" s="11" t="s">
        <v>2972</v>
      </c>
      <c r="K978" s="8">
        <v>5</v>
      </c>
      <c r="L978" s="8">
        <v>73626158</v>
      </c>
      <c r="M978" s="8">
        <v>73941993</v>
      </c>
      <c r="N978" s="12">
        <v>1</v>
      </c>
    </row>
    <row r="979" spans="1:20" ht="85.5" x14ac:dyDescent="0.2">
      <c r="A979" s="8" t="s">
        <v>2973</v>
      </c>
      <c r="B979" s="8">
        <v>0.11933377797375699</v>
      </c>
      <c r="C979" s="8">
        <v>7.6743388695427903</v>
      </c>
      <c r="D979" s="8">
        <v>3.4432364565417299</v>
      </c>
      <c r="E979" s="26">
        <v>2.4007972583445702E-3</v>
      </c>
      <c r="F979" s="8">
        <v>4.1365470829494199E-3</v>
      </c>
      <c r="G979" s="8">
        <v>-3.95002573965035</v>
      </c>
      <c r="H979" s="8">
        <v>9972</v>
      </c>
      <c r="I979" s="8" t="s">
        <v>2974</v>
      </c>
      <c r="J979" s="11" t="s">
        <v>2975</v>
      </c>
      <c r="K979" s="8">
        <v>6</v>
      </c>
      <c r="L979" s="8">
        <v>17615035</v>
      </c>
      <c r="M979" s="8">
        <v>17706834</v>
      </c>
      <c r="N979" s="12">
        <v>-1</v>
      </c>
    </row>
    <row r="980" spans="1:20" ht="114" x14ac:dyDescent="0.2">
      <c r="A980" s="8" t="s">
        <v>2976</v>
      </c>
      <c r="B980" s="8">
        <v>0.13586193653154099</v>
      </c>
      <c r="C980" s="8">
        <v>7.4653482541343701</v>
      </c>
      <c r="D980" s="8">
        <v>3.4286621231772001</v>
      </c>
      <c r="E980" s="26">
        <v>2.4849402725290199E-3</v>
      </c>
      <c r="F980" s="8">
        <v>4.2692722779709398E-3</v>
      </c>
      <c r="G980" s="8">
        <v>-3.97173118051523</v>
      </c>
      <c r="H980" s="8">
        <v>4676</v>
      </c>
      <c r="I980" s="8" t="s">
        <v>2977</v>
      </c>
      <c r="J980" s="11" t="s">
        <v>2978</v>
      </c>
      <c r="K980" s="8">
        <v>11</v>
      </c>
      <c r="L980" s="8">
        <v>2944431</v>
      </c>
      <c r="M980" s="8">
        <v>2992377</v>
      </c>
      <c r="N980" s="12">
        <v>-1</v>
      </c>
    </row>
    <row r="981" spans="1:20" ht="99.75" x14ac:dyDescent="0.2">
      <c r="A981" s="8" t="s">
        <v>2979</v>
      </c>
      <c r="B981" s="8">
        <v>0.167473247934603</v>
      </c>
      <c r="C981" s="8">
        <v>5.4641551710381</v>
      </c>
      <c r="D981" s="8">
        <v>3.4284073721364301</v>
      </c>
      <c r="E981" s="26">
        <v>2.48643642385176E-3</v>
      </c>
      <c r="F981" s="8">
        <v>4.2709358464538697E-3</v>
      </c>
      <c r="G981" s="8">
        <v>-3.7798434787301001</v>
      </c>
      <c r="H981" s="8">
        <v>11097</v>
      </c>
      <c r="I981" s="8" t="s">
        <v>2980</v>
      </c>
      <c r="J981" s="11" t="s">
        <v>2981</v>
      </c>
      <c r="K981" s="8">
        <v>7</v>
      </c>
      <c r="L981" s="8">
        <v>23181827</v>
      </c>
      <c r="M981" s="8">
        <v>23201011</v>
      </c>
      <c r="N981" s="12">
        <v>1</v>
      </c>
    </row>
    <row r="982" spans="1:20" ht="128.25" x14ac:dyDescent="0.2">
      <c r="A982" s="8" t="s">
        <v>2982</v>
      </c>
      <c r="B982" s="8">
        <v>-0.13671501911862699</v>
      </c>
      <c r="C982" s="8">
        <v>5.9541015673099098</v>
      </c>
      <c r="D982" s="8">
        <v>-3.4168071325017801</v>
      </c>
      <c r="E982" s="26">
        <v>2.5555067592030901E-3</v>
      </c>
      <c r="F982" s="8">
        <v>4.3808357515263798E-3</v>
      </c>
      <c r="G982" s="8">
        <v>-3.87375057277705</v>
      </c>
      <c r="H982" s="8">
        <v>51503</v>
      </c>
      <c r="I982" s="8" t="s">
        <v>2983</v>
      </c>
      <c r="J982" s="11" t="s">
        <v>2984</v>
      </c>
      <c r="K982" s="8">
        <v>11</v>
      </c>
      <c r="L982" s="8">
        <v>94962622</v>
      </c>
      <c r="M982" s="8">
        <v>94973612</v>
      </c>
      <c r="N982" s="12">
        <v>-1</v>
      </c>
    </row>
    <row r="983" spans="1:20" ht="142.5" x14ac:dyDescent="0.2">
      <c r="A983" s="8" t="s">
        <v>2985</v>
      </c>
      <c r="B983" s="8">
        <v>0.173095506159056</v>
      </c>
      <c r="C983" s="8">
        <v>6.3701373228088398</v>
      </c>
      <c r="D983" s="8">
        <v>3.4164123255908798</v>
      </c>
      <c r="E983" s="26">
        <v>2.5578902672793598E-3</v>
      </c>
      <c r="F983" s="8">
        <v>4.3845256618336497E-3</v>
      </c>
      <c r="G983" s="8">
        <v>-3.9238650899777499</v>
      </c>
      <c r="H983" s="8">
        <v>9875</v>
      </c>
      <c r="I983" s="8" t="s">
        <v>2986</v>
      </c>
      <c r="J983" s="11" t="s">
        <v>2987</v>
      </c>
      <c r="K983" s="8">
        <v>21</v>
      </c>
      <c r="L983" s="8">
        <v>32311018</v>
      </c>
      <c r="M983" s="8">
        <v>32393026</v>
      </c>
      <c r="N983" s="12">
        <v>-1</v>
      </c>
    </row>
    <row r="984" spans="1:20" ht="128.25" x14ac:dyDescent="0.2">
      <c r="A984" s="8" t="s">
        <v>2988</v>
      </c>
      <c r="B984" s="8">
        <v>0.144117088249684</v>
      </c>
      <c r="C984" s="8">
        <v>7.2522695093489702</v>
      </c>
      <c r="D984" s="8">
        <v>3.4136963477653901</v>
      </c>
      <c r="E984" s="26">
        <v>2.5743460839229701E-3</v>
      </c>
      <c r="F984" s="8">
        <v>4.4107408481948501E-3</v>
      </c>
      <c r="G984" s="8">
        <v>-3.9936639953862101</v>
      </c>
      <c r="H984" s="8">
        <v>53981</v>
      </c>
      <c r="I984" s="8" t="s">
        <v>2989</v>
      </c>
      <c r="J984" s="11" t="s">
        <v>2990</v>
      </c>
      <c r="K984" s="8">
        <v>14</v>
      </c>
      <c r="L984" s="8">
        <v>92121937</v>
      </c>
      <c r="M984" s="8">
        <v>92172145</v>
      </c>
      <c r="N984" s="12">
        <v>1</v>
      </c>
    </row>
    <row r="985" spans="1:20" ht="114" x14ac:dyDescent="0.2">
      <c r="A985" s="8" t="s">
        <v>2991</v>
      </c>
      <c r="B985" s="8">
        <v>0.185728068864385</v>
      </c>
      <c r="C985" s="8">
        <v>4.6007290388564401</v>
      </c>
      <c r="D985" s="8">
        <v>3.41190871581456</v>
      </c>
      <c r="E985" s="26">
        <v>2.5852336301410302E-3</v>
      </c>
      <c r="F985" s="8">
        <v>4.4285952878846697E-3</v>
      </c>
      <c r="G985" s="8">
        <v>-3.6456183439617198</v>
      </c>
      <c r="H985" s="8">
        <v>55922</v>
      </c>
      <c r="I985" s="8" t="s">
        <v>2992</v>
      </c>
      <c r="J985" s="11" t="s">
        <v>2993</v>
      </c>
      <c r="K985" s="8" t="s">
        <v>108</v>
      </c>
      <c r="L985" s="8">
        <v>119588337</v>
      </c>
      <c r="M985" s="8">
        <v>119605895</v>
      </c>
      <c r="N985" s="12">
        <v>-1</v>
      </c>
      <c r="T985" s="25"/>
    </row>
    <row r="986" spans="1:20" ht="142.5" x14ac:dyDescent="0.2">
      <c r="A986" s="8" t="s">
        <v>2994</v>
      </c>
      <c r="B986" s="8">
        <v>0.13086585074726001</v>
      </c>
      <c r="C986" s="8">
        <v>6.1961170460304196</v>
      </c>
      <c r="D986" s="8">
        <v>3.38896302605432</v>
      </c>
      <c r="E986" s="26">
        <v>2.7290473404716501E-3</v>
      </c>
      <c r="F986" s="8">
        <v>4.6560398615598797E-3</v>
      </c>
      <c r="G986" s="8">
        <v>-3.9695322089438498</v>
      </c>
      <c r="H986" s="8">
        <v>54915</v>
      </c>
      <c r="I986" s="8" t="s">
        <v>2995</v>
      </c>
      <c r="J986" s="11" t="s">
        <v>2996</v>
      </c>
      <c r="K986" s="8">
        <v>20</v>
      </c>
      <c r="L986" s="8">
        <v>63195429</v>
      </c>
      <c r="M986" s="8">
        <v>63216234</v>
      </c>
      <c r="N986" s="12">
        <v>-1</v>
      </c>
    </row>
    <row r="987" spans="1:20" ht="128.25" x14ac:dyDescent="0.2">
      <c r="A987" s="8" t="s">
        <v>2997</v>
      </c>
      <c r="B987" s="8">
        <v>0.157653651941523</v>
      </c>
      <c r="C987" s="8">
        <v>5.2690568535254396</v>
      </c>
      <c r="D987" s="8">
        <v>3.3877017099009201</v>
      </c>
      <c r="E987" s="26">
        <v>2.7371755795526E-3</v>
      </c>
      <c r="F987" s="8">
        <v>4.6686482988647898E-3</v>
      </c>
      <c r="G987" s="8">
        <v>-3.8396134927991299</v>
      </c>
      <c r="H987" s="8">
        <v>90121</v>
      </c>
      <c r="I987" s="8" t="s">
        <v>2998</v>
      </c>
      <c r="J987" s="11" t="s">
        <v>2999</v>
      </c>
      <c r="K987" s="8" t="s">
        <v>108</v>
      </c>
      <c r="L987" s="8">
        <v>54440401</v>
      </c>
      <c r="M987" s="8">
        <v>54445487</v>
      </c>
      <c r="N987" s="12">
        <v>1</v>
      </c>
      <c r="T987" s="25"/>
    </row>
    <row r="988" spans="1:20" ht="128.25" x14ac:dyDescent="0.2">
      <c r="A988" s="8" t="s">
        <v>3000</v>
      </c>
      <c r="B988" s="8">
        <v>-0.114119711668729</v>
      </c>
      <c r="C988" s="8">
        <v>6.9307618652496998</v>
      </c>
      <c r="D988" s="8">
        <v>-3.3857704145089502</v>
      </c>
      <c r="E988" s="26">
        <v>2.74966721193031E-3</v>
      </c>
      <c r="F988" s="8">
        <v>4.6865847566733799E-3</v>
      </c>
      <c r="G988" s="8">
        <v>-4.0360446805623296</v>
      </c>
      <c r="H988" s="8">
        <v>22873</v>
      </c>
      <c r="I988" s="8" t="s">
        <v>3001</v>
      </c>
      <c r="J988" s="11" t="s">
        <v>3002</v>
      </c>
      <c r="K988" s="8">
        <v>13</v>
      </c>
      <c r="L988" s="8">
        <v>95578202</v>
      </c>
      <c r="M988" s="8">
        <v>95644703</v>
      </c>
      <c r="N988" s="12">
        <v>-1</v>
      </c>
    </row>
    <row r="989" spans="1:20" ht="99.75" x14ac:dyDescent="0.2">
      <c r="A989" s="8" t="s">
        <v>3003</v>
      </c>
      <c r="B989" s="8">
        <v>0.148754136906283</v>
      </c>
      <c r="C989" s="8">
        <v>5.8509371326697996</v>
      </c>
      <c r="D989" s="8">
        <v>3.3856782674249999</v>
      </c>
      <c r="E989" s="26">
        <v>2.7502646106426802E-3</v>
      </c>
      <c r="F989" s="8">
        <v>4.6871819951653498E-3</v>
      </c>
      <c r="G989" s="8">
        <v>-3.9362967077613602</v>
      </c>
      <c r="H989" s="8">
        <v>64848</v>
      </c>
      <c r="I989" s="8" t="s">
        <v>3004</v>
      </c>
      <c r="J989" s="11" t="s">
        <v>3005</v>
      </c>
      <c r="K989" s="8">
        <v>5</v>
      </c>
      <c r="L989" s="8">
        <v>113513683</v>
      </c>
      <c r="M989" s="8">
        <v>113595285</v>
      </c>
      <c r="N989" s="12">
        <v>1</v>
      </c>
    </row>
    <row r="990" spans="1:20" ht="114" x14ac:dyDescent="0.2">
      <c r="A990" s="8" t="s">
        <v>3006</v>
      </c>
      <c r="B990" s="8">
        <v>0.13203517644295101</v>
      </c>
      <c r="C990" s="8">
        <v>6.0505662457774898</v>
      </c>
      <c r="D990" s="8">
        <v>3.3720268716323498</v>
      </c>
      <c r="E990" s="26">
        <v>2.8401836905830001E-3</v>
      </c>
      <c r="F990" s="8">
        <v>4.8308833822885699E-3</v>
      </c>
      <c r="G990" s="8">
        <v>-3.99233449361004</v>
      </c>
      <c r="H990" s="8">
        <v>64432</v>
      </c>
      <c r="I990" s="8" t="s">
        <v>3007</v>
      </c>
      <c r="J990" s="11" t="s">
        <v>3008</v>
      </c>
      <c r="K990" s="8">
        <v>3</v>
      </c>
      <c r="L990" s="8">
        <v>15042460</v>
      </c>
      <c r="M990" s="8">
        <v>15065335</v>
      </c>
      <c r="N990" s="12">
        <v>-1</v>
      </c>
    </row>
    <row r="991" spans="1:20" ht="142.5" x14ac:dyDescent="0.2">
      <c r="A991" s="8" t="s">
        <v>3009</v>
      </c>
      <c r="B991" s="8">
        <v>-0.47965536950016302</v>
      </c>
      <c r="C991" s="8">
        <v>2.8105581969232798</v>
      </c>
      <c r="D991" s="8">
        <v>-3.3557475607595202</v>
      </c>
      <c r="E991" s="26">
        <v>2.9511715675258799E-3</v>
      </c>
      <c r="F991" s="8">
        <v>5.00530725149152E-3</v>
      </c>
      <c r="G991" s="8">
        <v>-3.2770560694473598</v>
      </c>
      <c r="H991" s="8">
        <v>400961</v>
      </c>
      <c r="I991" s="8" t="s">
        <v>3010</v>
      </c>
      <c r="J991" s="11" t="s">
        <v>3011</v>
      </c>
      <c r="K991" s="8">
        <v>2</v>
      </c>
      <c r="L991" s="8">
        <v>71182739</v>
      </c>
      <c r="M991" s="8">
        <v>71227083</v>
      </c>
      <c r="N991" s="12">
        <v>-1</v>
      </c>
    </row>
    <row r="992" spans="1:20" ht="114" x14ac:dyDescent="0.2">
      <c r="A992" s="8" t="s">
        <v>3012</v>
      </c>
      <c r="B992" s="8">
        <v>-0.19720971355796199</v>
      </c>
      <c r="C992" s="8">
        <v>4.4992702475486004</v>
      </c>
      <c r="D992" s="8">
        <v>-3.3529610325185799</v>
      </c>
      <c r="E992" s="26">
        <v>2.9705892186021299E-3</v>
      </c>
      <c r="F992" s="8">
        <v>5.0359899590327502E-3</v>
      </c>
      <c r="G992" s="8">
        <v>-3.7476917090994299</v>
      </c>
      <c r="H992" s="8">
        <v>64718</v>
      </c>
      <c r="I992" s="8" t="s">
        <v>3013</v>
      </c>
      <c r="J992" s="11" t="s">
        <v>3014</v>
      </c>
      <c r="K992" s="8">
        <v>16</v>
      </c>
      <c r="L992" s="8">
        <v>1363205</v>
      </c>
      <c r="M992" s="8">
        <v>1414751</v>
      </c>
      <c r="N992" s="12">
        <v>-1</v>
      </c>
    </row>
    <row r="993" spans="1:20" ht="114" x14ac:dyDescent="0.2">
      <c r="A993" s="8" t="s">
        <v>3015</v>
      </c>
      <c r="B993" s="8">
        <v>0.19634914321080901</v>
      </c>
      <c r="C993" s="8">
        <v>4.3989127967953197</v>
      </c>
      <c r="D993" s="8">
        <v>3.3528997516274499</v>
      </c>
      <c r="E993" s="26">
        <v>2.9710176472185598E-3</v>
      </c>
      <c r="F993" s="8">
        <v>5.0362663592020103E-3</v>
      </c>
      <c r="G993" s="8">
        <v>-3.7336964335928902</v>
      </c>
      <c r="H993" s="8">
        <v>79810</v>
      </c>
      <c r="I993" s="8" t="s">
        <v>3016</v>
      </c>
      <c r="J993" s="11" t="s">
        <v>3017</v>
      </c>
      <c r="K993" s="8">
        <v>5</v>
      </c>
      <c r="L993" s="8">
        <v>72320367</v>
      </c>
      <c r="M993" s="8">
        <v>72368395</v>
      </c>
      <c r="N993" s="12">
        <v>1</v>
      </c>
    </row>
    <row r="994" spans="1:20" ht="99.75" x14ac:dyDescent="0.2">
      <c r="A994" s="8" t="s">
        <v>3018</v>
      </c>
      <c r="B994" s="8">
        <v>0.13605922038264101</v>
      </c>
      <c r="C994" s="8">
        <v>5.7640986537044903</v>
      </c>
      <c r="D994" s="8">
        <v>3.3512192145848401</v>
      </c>
      <c r="E994" s="26">
        <v>2.98279020164331E-3</v>
      </c>
      <c r="F994" s="8">
        <v>5.0544164350910803E-3</v>
      </c>
      <c r="G994" s="8">
        <v>-4.0033905539784804</v>
      </c>
      <c r="H994" s="8">
        <v>2733</v>
      </c>
      <c r="I994" s="8" t="s">
        <v>3019</v>
      </c>
      <c r="J994" s="11" t="s">
        <v>3020</v>
      </c>
      <c r="K994" s="8">
        <v>9</v>
      </c>
      <c r="L994" s="8">
        <v>128504700</v>
      </c>
      <c r="M994" s="8">
        <v>128542288</v>
      </c>
      <c r="N994" s="12">
        <v>1</v>
      </c>
    </row>
    <row r="995" spans="1:20" ht="114" x14ac:dyDescent="0.2">
      <c r="A995" s="8" t="s">
        <v>3021</v>
      </c>
      <c r="B995" s="8">
        <v>-0.15894200177326401</v>
      </c>
      <c r="C995" s="8">
        <v>4.8427252013944999</v>
      </c>
      <c r="D995" s="8">
        <v>-3.3359913757606301</v>
      </c>
      <c r="E995" s="26">
        <v>3.0915612885020899E-3</v>
      </c>
      <c r="F995" s="8">
        <v>5.22334032869517E-3</v>
      </c>
      <c r="G995" s="8">
        <v>-3.8665115924787998</v>
      </c>
      <c r="H995" s="8">
        <v>7011</v>
      </c>
      <c r="I995" s="8" t="s">
        <v>3022</v>
      </c>
      <c r="J995" s="11" t="s">
        <v>3023</v>
      </c>
      <c r="K995" s="8">
        <v>14</v>
      </c>
      <c r="L995" s="8">
        <v>20365667</v>
      </c>
      <c r="M995" s="8">
        <v>20413429</v>
      </c>
      <c r="N995" s="12">
        <v>-1</v>
      </c>
    </row>
    <row r="996" spans="1:20" ht="128.25" x14ac:dyDescent="0.2">
      <c r="A996" s="8" t="s">
        <v>3024</v>
      </c>
      <c r="B996" s="8">
        <v>0.11625395562575</v>
      </c>
      <c r="C996" s="8">
        <v>7.5016084030451298</v>
      </c>
      <c r="D996" s="8">
        <v>3.3331823062927999</v>
      </c>
      <c r="E996" s="26">
        <v>3.1120447923539398E-3</v>
      </c>
      <c r="F996" s="8">
        <v>5.2570121082874E-3</v>
      </c>
      <c r="G996" s="8">
        <v>-4.1936081664412699</v>
      </c>
      <c r="H996" s="8">
        <v>8672</v>
      </c>
      <c r="I996" s="8" t="s">
        <v>3025</v>
      </c>
      <c r="J996" s="11" t="s">
        <v>3026</v>
      </c>
      <c r="K996" s="8">
        <v>1</v>
      </c>
      <c r="L996" s="8">
        <v>20806292</v>
      </c>
      <c r="M996" s="8">
        <v>21176888</v>
      </c>
      <c r="N996" s="12">
        <v>-1</v>
      </c>
    </row>
    <row r="997" spans="1:20" ht="114" x14ac:dyDescent="0.2">
      <c r="A997" s="8" t="s">
        <v>3027</v>
      </c>
      <c r="B997" s="8">
        <v>0.156631374110175</v>
      </c>
      <c r="C997" s="8">
        <v>5.8161762606803196</v>
      </c>
      <c r="D997" s="8">
        <v>3.33001890928236</v>
      </c>
      <c r="E997" s="26">
        <v>3.1352705464269401E-3</v>
      </c>
      <c r="F997" s="8">
        <v>5.2929480615198001E-3</v>
      </c>
      <c r="G997" s="8">
        <v>-4.0595313645898496</v>
      </c>
      <c r="H997" s="8">
        <v>55760</v>
      </c>
      <c r="I997" s="8" t="s">
        <v>3028</v>
      </c>
      <c r="J997" s="11" t="s">
        <v>3029</v>
      </c>
      <c r="K997" s="8">
        <v>10</v>
      </c>
      <c r="L997" s="8">
        <v>125836337</v>
      </c>
      <c r="M997" s="8">
        <v>125896436</v>
      </c>
      <c r="N997" s="12">
        <v>-1</v>
      </c>
    </row>
    <row r="998" spans="1:20" ht="114" x14ac:dyDescent="0.2">
      <c r="A998" s="8" t="s">
        <v>3030</v>
      </c>
      <c r="B998" s="8">
        <v>0.13417196960261801</v>
      </c>
      <c r="C998" s="8">
        <v>6.6376622576227904</v>
      </c>
      <c r="D998" s="8">
        <v>3.3249387409842499</v>
      </c>
      <c r="E998" s="26">
        <v>3.1729235309020699E-3</v>
      </c>
      <c r="F998" s="8">
        <v>5.3484251062292203E-3</v>
      </c>
      <c r="G998" s="8">
        <v>-4.1566761387676401</v>
      </c>
      <c r="H998" s="8">
        <v>389677</v>
      </c>
      <c r="I998" s="8" t="s">
        <v>3031</v>
      </c>
      <c r="J998" s="11" t="s">
        <v>3032</v>
      </c>
      <c r="K998" s="8">
        <v>8</v>
      </c>
      <c r="L998" s="8">
        <v>93729356</v>
      </c>
      <c r="M998" s="8">
        <v>93741017</v>
      </c>
      <c r="N998" s="12">
        <v>-1</v>
      </c>
    </row>
    <row r="999" spans="1:20" ht="99.75" x14ac:dyDescent="0.2">
      <c r="A999" s="8" t="s">
        <v>3033</v>
      </c>
      <c r="B999" s="8">
        <v>0.23890875075105</v>
      </c>
      <c r="C999" s="8">
        <v>4.0940065629366904</v>
      </c>
      <c r="D999" s="8">
        <v>3.31461361229124</v>
      </c>
      <c r="E999" s="26">
        <v>3.2508147948464199E-3</v>
      </c>
      <c r="F999" s="8">
        <v>5.4680652687289898E-3</v>
      </c>
      <c r="G999" s="8">
        <v>-3.74585192061478</v>
      </c>
      <c r="H999" s="8">
        <v>4440</v>
      </c>
      <c r="I999" s="8" t="s">
        <v>3034</v>
      </c>
      <c r="J999" s="11" t="s">
        <v>3035</v>
      </c>
      <c r="K999" s="8">
        <v>12</v>
      </c>
      <c r="L999" s="8">
        <v>120341330</v>
      </c>
      <c r="M999" s="8">
        <v>120369180</v>
      </c>
      <c r="N999" s="12">
        <v>-1</v>
      </c>
      <c r="T999" s="25"/>
    </row>
    <row r="1000" spans="1:20" ht="128.25" x14ac:dyDescent="0.2">
      <c r="A1000" s="8" t="s">
        <v>3036</v>
      </c>
      <c r="B1000" s="8">
        <v>-0.52888020707854899</v>
      </c>
      <c r="C1000" s="8">
        <v>1.07318236562233</v>
      </c>
      <c r="D1000" s="8">
        <v>-3.31192580545807</v>
      </c>
      <c r="E1000" s="26">
        <v>3.2713951203936398E-3</v>
      </c>
      <c r="F1000" s="8">
        <v>5.49975772499203E-3</v>
      </c>
      <c r="G1000" s="8">
        <v>-2.8828612797186701</v>
      </c>
      <c r="H1000" s="8">
        <v>10595</v>
      </c>
      <c r="I1000" s="8" t="s">
        <v>3037</v>
      </c>
      <c r="J1000" s="11" t="s">
        <v>3038</v>
      </c>
      <c r="K1000" s="8">
        <v>16</v>
      </c>
      <c r="L1000" s="8">
        <v>23690309</v>
      </c>
      <c r="M1000" s="8">
        <v>23713500</v>
      </c>
      <c r="N1000" s="12">
        <v>-1</v>
      </c>
    </row>
    <row r="1001" spans="1:20" ht="99.75" x14ac:dyDescent="0.2">
      <c r="A1001" s="8" t="s">
        <v>3039</v>
      </c>
      <c r="B1001" s="8">
        <v>0.143933582929896</v>
      </c>
      <c r="C1001" s="8">
        <v>6.7569100512060096</v>
      </c>
      <c r="D1001" s="8">
        <v>3.3043257847827898</v>
      </c>
      <c r="E1001" s="26">
        <v>3.3302775488292398E-3</v>
      </c>
      <c r="F1001" s="8">
        <v>5.5873642510947197E-3</v>
      </c>
      <c r="G1001" s="8">
        <v>-4.2127222373508602</v>
      </c>
      <c r="H1001" s="8">
        <v>117246</v>
      </c>
      <c r="I1001" s="8" t="s">
        <v>3040</v>
      </c>
      <c r="J1001" s="11" t="s">
        <v>3041</v>
      </c>
      <c r="K1001" s="8">
        <v>17</v>
      </c>
      <c r="L1001" s="8">
        <v>63819433</v>
      </c>
      <c r="M1001" s="8">
        <v>63830012</v>
      </c>
      <c r="N1001" s="12">
        <v>-1</v>
      </c>
    </row>
    <row r="1002" spans="1:20" ht="142.5" x14ac:dyDescent="0.2">
      <c r="A1002" s="8" t="s">
        <v>3042</v>
      </c>
      <c r="B1002" s="8">
        <v>0.12668585759812001</v>
      </c>
      <c r="C1002" s="8">
        <v>6.6926573775143501</v>
      </c>
      <c r="D1002" s="8">
        <v>3.2861489458082298</v>
      </c>
      <c r="E1002" s="26">
        <v>3.47532549535349E-3</v>
      </c>
      <c r="F1002" s="8">
        <v>5.8081243439298304E-3</v>
      </c>
      <c r="G1002" s="8">
        <v>-4.2495196580899401</v>
      </c>
      <c r="H1002" s="8">
        <v>27067</v>
      </c>
      <c r="I1002" s="8" t="s">
        <v>3043</v>
      </c>
      <c r="J1002" s="11" t="s">
        <v>3044</v>
      </c>
      <c r="K1002" s="8">
        <v>8</v>
      </c>
      <c r="L1002" s="8">
        <v>73420369</v>
      </c>
      <c r="M1002" s="8">
        <v>73747708</v>
      </c>
      <c r="N1002" s="12">
        <v>-1</v>
      </c>
    </row>
    <row r="1003" spans="1:20" ht="128.25" x14ac:dyDescent="0.2">
      <c r="A1003" s="8" t="s">
        <v>3045</v>
      </c>
      <c r="B1003" s="8">
        <v>0.18224880130184201</v>
      </c>
      <c r="C1003" s="8">
        <v>5.1165938214555302</v>
      </c>
      <c r="D1003" s="8">
        <v>3.2791362022731301</v>
      </c>
      <c r="E1003" s="26">
        <v>3.5329153716016199E-3</v>
      </c>
      <c r="F1003" s="8">
        <v>5.8965817948006902E-3</v>
      </c>
      <c r="G1003" s="8">
        <v>-4.0601477519621998</v>
      </c>
      <c r="H1003" s="8">
        <v>114034</v>
      </c>
      <c r="I1003" s="8" t="s">
        <v>3046</v>
      </c>
      <c r="J1003" s="11" t="s">
        <v>3047</v>
      </c>
      <c r="K1003" s="8">
        <v>1</v>
      </c>
      <c r="L1003" s="8">
        <v>45339670</v>
      </c>
      <c r="M1003" s="8">
        <v>45343975</v>
      </c>
      <c r="N1003" s="12">
        <v>1</v>
      </c>
    </row>
    <row r="1004" spans="1:20" ht="85.5" x14ac:dyDescent="0.2">
      <c r="A1004" s="8" t="s">
        <v>3048</v>
      </c>
      <c r="B1004" s="8">
        <v>0.141177892316694</v>
      </c>
      <c r="C1004" s="8">
        <v>5.9691660412777203</v>
      </c>
      <c r="D1004" s="8">
        <v>3.2626431932406601</v>
      </c>
      <c r="E1004" s="26">
        <v>3.6720449244393E-3</v>
      </c>
      <c r="F1004" s="8">
        <v>6.1180330580407902E-3</v>
      </c>
      <c r="G1004" s="8">
        <v>-4.2330359436539702</v>
      </c>
      <c r="H1004" s="8">
        <v>8780</v>
      </c>
      <c r="I1004" s="8" t="s">
        <v>3049</v>
      </c>
      <c r="J1004" s="11" t="s">
        <v>3050</v>
      </c>
      <c r="K1004" s="8">
        <v>18</v>
      </c>
      <c r="L1004" s="8">
        <v>23452823</v>
      </c>
      <c r="M1004" s="8">
        <v>23486603</v>
      </c>
      <c r="N1004" s="12">
        <v>1</v>
      </c>
    </row>
    <row r="1005" spans="1:20" ht="128.25" x14ac:dyDescent="0.2">
      <c r="A1005" s="8" t="s">
        <v>3051</v>
      </c>
      <c r="B1005" s="8">
        <v>-0.192512331373794</v>
      </c>
      <c r="C1005" s="8">
        <v>5.2946505583821697</v>
      </c>
      <c r="D1005" s="8">
        <v>-3.24949320817622</v>
      </c>
      <c r="E1005" s="26">
        <v>3.7867801602326501E-3</v>
      </c>
      <c r="F1005" s="8">
        <v>6.2953768813609296E-3</v>
      </c>
      <c r="G1005" s="8">
        <v>-4.1535168213180196</v>
      </c>
      <c r="H1005" s="8">
        <v>9521</v>
      </c>
      <c r="I1005" s="8" t="s">
        <v>3052</v>
      </c>
      <c r="J1005" s="11" t="s">
        <v>3053</v>
      </c>
      <c r="K1005" s="8">
        <v>6</v>
      </c>
      <c r="L1005" s="8">
        <v>8073360</v>
      </c>
      <c r="M1005" s="8">
        <v>8102578</v>
      </c>
      <c r="N1005" s="12">
        <v>-1</v>
      </c>
    </row>
    <row r="1006" spans="1:20" ht="114" x14ac:dyDescent="0.2">
      <c r="A1006" s="8" t="s">
        <v>3054</v>
      </c>
      <c r="B1006" s="8">
        <v>-0.107679688778237</v>
      </c>
      <c r="C1006" s="8">
        <v>8.1451869523293396</v>
      </c>
      <c r="D1006" s="8">
        <v>-3.2490713654541401</v>
      </c>
      <c r="E1006" s="26">
        <v>3.7905179223302202E-3</v>
      </c>
      <c r="F1006" s="8">
        <v>6.3010387712036297E-3</v>
      </c>
      <c r="G1006" s="8">
        <v>-4.4206991601048804</v>
      </c>
      <c r="H1006" s="8">
        <v>4926</v>
      </c>
      <c r="I1006" s="8" t="s">
        <v>3055</v>
      </c>
      <c r="J1006" s="11" t="s">
        <v>3056</v>
      </c>
      <c r="K1006" s="8">
        <v>11</v>
      </c>
      <c r="L1006" s="8">
        <v>72002864</v>
      </c>
      <c r="M1006" s="8">
        <v>72080693</v>
      </c>
      <c r="N1006" s="12">
        <v>-1</v>
      </c>
    </row>
    <row r="1007" spans="1:20" ht="71.25" x14ac:dyDescent="0.2">
      <c r="A1007" s="8" t="s">
        <v>3057</v>
      </c>
      <c r="B1007" s="8">
        <v>-0.11087779097177899</v>
      </c>
      <c r="C1007" s="8">
        <v>10.025682444610601</v>
      </c>
      <c r="D1007" s="8">
        <v>-3.2349308456583601</v>
      </c>
      <c r="E1007" s="26">
        <v>3.9179073524182101E-3</v>
      </c>
      <c r="F1007" s="8">
        <v>6.4997052038500199E-3</v>
      </c>
      <c r="G1007" s="8">
        <v>-4.5349547309556897</v>
      </c>
      <c r="H1007" s="8">
        <v>821</v>
      </c>
      <c r="I1007" s="8" t="s">
        <v>3058</v>
      </c>
      <c r="J1007" s="11" t="s">
        <v>3059</v>
      </c>
      <c r="K1007" s="8">
        <v>5</v>
      </c>
      <c r="L1007" s="8">
        <v>179678628</v>
      </c>
      <c r="M1007" s="8">
        <v>179730925</v>
      </c>
      <c r="N1007" s="12">
        <v>1</v>
      </c>
    </row>
    <row r="1008" spans="1:20" ht="114" x14ac:dyDescent="0.2">
      <c r="A1008" s="8" t="s">
        <v>3060</v>
      </c>
      <c r="B1008" s="8">
        <v>-0.16884722081949699</v>
      </c>
      <c r="C1008" s="8">
        <v>8.0615739860010596</v>
      </c>
      <c r="D1008" s="8">
        <v>-3.23355343726519</v>
      </c>
      <c r="E1008" s="26">
        <v>3.9305363220328102E-3</v>
      </c>
      <c r="F1008" s="8">
        <v>6.5172379015479799E-3</v>
      </c>
      <c r="G1008" s="8">
        <v>-4.4510401090159997</v>
      </c>
      <c r="H1008" s="8">
        <v>6726</v>
      </c>
      <c r="I1008" s="8" t="s">
        <v>3061</v>
      </c>
      <c r="J1008" s="11" t="s">
        <v>3062</v>
      </c>
      <c r="K1008" s="8">
        <v>1</v>
      </c>
      <c r="L1008" s="8">
        <v>225777813</v>
      </c>
      <c r="M1008" s="8">
        <v>225790466</v>
      </c>
      <c r="N1008" s="12">
        <v>1</v>
      </c>
    </row>
    <row r="1009" spans="1:14" ht="85.5" x14ac:dyDescent="0.2">
      <c r="A1009" s="8" t="s">
        <v>3063</v>
      </c>
      <c r="B1009" s="8">
        <v>0.124807493023626</v>
      </c>
      <c r="C1009" s="8">
        <v>8.9619362342260107</v>
      </c>
      <c r="D1009" s="8">
        <v>3.23200972711349</v>
      </c>
      <c r="E1009" s="26">
        <v>3.9447370711457501E-3</v>
      </c>
      <c r="F1009" s="8">
        <v>6.5373570342444299E-3</v>
      </c>
      <c r="G1009" s="8">
        <v>-4.5010192807714002</v>
      </c>
      <c r="H1009" s="8">
        <v>4869</v>
      </c>
      <c r="I1009" s="8" t="s">
        <v>3064</v>
      </c>
      <c r="J1009" s="11" t="s">
        <v>3065</v>
      </c>
      <c r="K1009" s="8">
        <v>5</v>
      </c>
      <c r="L1009" s="8">
        <v>171387116</v>
      </c>
      <c r="M1009" s="8">
        <v>171411137</v>
      </c>
      <c r="N1009" s="12">
        <v>1</v>
      </c>
    </row>
    <row r="1010" spans="1:14" ht="85.5" x14ac:dyDescent="0.2">
      <c r="A1010" s="8" t="s">
        <v>3066</v>
      </c>
      <c r="B1010" s="8">
        <v>0.138379110619017</v>
      </c>
      <c r="C1010" s="8">
        <v>6.1934730124993296</v>
      </c>
      <c r="D1010" s="8">
        <v>3.2285261408127202</v>
      </c>
      <c r="E1010" s="26">
        <v>3.97696638978227E-3</v>
      </c>
      <c r="F1010" s="8">
        <v>6.5878920372641498E-3</v>
      </c>
      <c r="G1010" s="8">
        <v>-4.3362214231589302</v>
      </c>
      <c r="H1010" s="8">
        <v>81554</v>
      </c>
      <c r="I1010" s="8" t="s">
        <v>3067</v>
      </c>
      <c r="J1010" s="11" t="s">
        <v>3068</v>
      </c>
      <c r="K1010" s="8">
        <v>7</v>
      </c>
      <c r="L1010" s="8">
        <v>75027122</v>
      </c>
      <c r="M1010" s="8">
        <v>75074228</v>
      </c>
      <c r="N1010" s="12">
        <v>-1</v>
      </c>
    </row>
    <row r="1011" spans="1:14" ht="185.25" x14ac:dyDescent="0.2">
      <c r="A1011" s="8" t="s">
        <v>3069</v>
      </c>
      <c r="B1011" s="8">
        <v>0.15381382819898901</v>
      </c>
      <c r="C1011" s="8">
        <v>6.90020489875634</v>
      </c>
      <c r="D1011" s="8">
        <v>3.2153670490726398</v>
      </c>
      <c r="E1011" s="26">
        <v>4.1010355879035698E-3</v>
      </c>
      <c r="F1011" s="8">
        <v>6.7809839114442898E-3</v>
      </c>
      <c r="G1011" s="8">
        <v>-4.4251791362554096</v>
      </c>
      <c r="H1011" s="8">
        <v>22894</v>
      </c>
      <c r="I1011" s="8" t="s">
        <v>3070</v>
      </c>
      <c r="J1011" s="11" t="s">
        <v>3071</v>
      </c>
      <c r="K1011" s="8">
        <v>13</v>
      </c>
      <c r="L1011" s="8">
        <v>72752169</v>
      </c>
      <c r="M1011" s="8">
        <v>72782096</v>
      </c>
      <c r="N1011" s="12">
        <v>-1</v>
      </c>
    </row>
    <row r="1012" spans="1:14" ht="99.75" x14ac:dyDescent="0.2">
      <c r="A1012" s="8" t="s">
        <v>3072</v>
      </c>
      <c r="B1012" s="8">
        <v>-0.19950661579337201</v>
      </c>
      <c r="C1012" s="8">
        <v>4.0216542513924098</v>
      </c>
      <c r="D1012" s="8">
        <v>-3.2137035488076</v>
      </c>
      <c r="E1012" s="26">
        <v>4.1169849100834198E-3</v>
      </c>
      <c r="F1012" s="8">
        <v>6.8055768849001001E-3</v>
      </c>
      <c r="G1012" s="8">
        <v>-3.9451971227998399</v>
      </c>
      <c r="H1012" s="8">
        <v>1797</v>
      </c>
      <c r="I1012" s="8" t="s">
        <v>3073</v>
      </c>
      <c r="J1012" s="11" t="s">
        <v>3074</v>
      </c>
      <c r="K1012" s="8">
        <v>6</v>
      </c>
      <c r="L1012" s="8">
        <v>31969810</v>
      </c>
      <c r="M1012" s="8">
        <v>31972292</v>
      </c>
      <c r="N1012" s="12">
        <v>-1</v>
      </c>
    </row>
    <row r="1013" spans="1:14" ht="114" x14ac:dyDescent="0.2">
      <c r="A1013" s="8" t="s">
        <v>3075</v>
      </c>
      <c r="B1013" s="8">
        <v>0.14139926406438899</v>
      </c>
      <c r="C1013" s="8">
        <v>5.9686143128711304</v>
      </c>
      <c r="D1013" s="8">
        <v>3.2090229043737399</v>
      </c>
      <c r="E1013" s="26">
        <v>4.1621858868801003E-3</v>
      </c>
      <c r="F1013" s="8">
        <v>6.8743082310986602E-3</v>
      </c>
      <c r="G1013" s="8">
        <v>-4.3547146720772396</v>
      </c>
      <c r="H1013" s="8">
        <v>11102</v>
      </c>
      <c r="I1013" s="8" t="s">
        <v>3076</v>
      </c>
      <c r="J1013" s="11" t="s">
        <v>3077</v>
      </c>
      <c r="K1013" s="8">
        <v>3</v>
      </c>
      <c r="L1013" s="8">
        <v>58306247</v>
      </c>
      <c r="M1013" s="8">
        <v>58324695</v>
      </c>
      <c r="N1013" s="12">
        <v>1</v>
      </c>
    </row>
    <row r="1014" spans="1:14" ht="99.75" x14ac:dyDescent="0.2">
      <c r="A1014" s="8" t="s">
        <v>3078</v>
      </c>
      <c r="B1014" s="8">
        <v>-0.16014802867262601</v>
      </c>
      <c r="C1014" s="8">
        <v>5.6061575766867699</v>
      </c>
      <c r="D1014" s="8">
        <v>-3.2051909504610001</v>
      </c>
      <c r="E1014" s="26">
        <v>4.1995494300745397E-3</v>
      </c>
      <c r="F1014" s="8">
        <v>6.9275773239329298E-3</v>
      </c>
      <c r="G1014" s="8">
        <v>-4.3078389242934998</v>
      </c>
      <c r="H1014" s="8">
        <v>8531</v>
      </c>
      <c r="I1014" s="8" t="s">
        <v>3079</v>
      </c>
      <c r="J1014" s="11" t="s">
        <v>3080</v>
      </c>
      <c r="K1014" s="8">
        <v>12</v>
      </c>
      <c r="L1014" s="8">
        <v>10699089</v>
      </c>
      <c r="M1014" s="8">
        <v>10723312</v>
      </c>
      <c r="N1014" s="12">
        <v>-1</v>
      </c>
    </row>
    <row r="1015" spans="1:14" ht="156.75" x14ac:dyDescent="0.2">
      <c r="A1015" s="8" t="s">
        <v>3081</v>
      </c>
      <c r="B1015" s="8">
        <v>-0.12826944517408001</v>
      </c>
      <c r="C1015" s="8">
        <v>6.5227608335418203</v>
      </c>
      <c r="D1015" s="8">
        <v>-3.2049565948004699</v>
      </c>
      <c r="E1015" s="26">
        <v>4.2018450550559304E-3</v>
      </c>
      <c r="F1015" s="8">
        <v>6.9307617218423599E-3</v>
      </c>
      <c r="G1015" s="8">
        <v>-4.4182313263176596</v>
      </c>
      <c r="H1015" s="8">
        <v>27102</v>
      </c>
      <c r="I1015" s="8" t="s">
        <v>3082</v>
      </c>
      <c r="J1015" s="11" t="s">
        <v>3083</v>
      </c>
      <c r="K1015" s="8">
        <v>7</v>
      </c>
      <c r="L1015" s="8">
        <v>6022244</v>
      </c>
      <c r="M1015" s="8">
        <v>6059230</v>
      </c>
      <c r="N1015" s="12">
        <v>-1</v>
      </c>
    </row>
    <row r="1016" spans="1:14" ht="128.25" x14ac:dyDescent="0.2">
      <c r="A1016" s="8" t="s">
        <v>3084</v>
      </c>
      <c r="B1016" s="8">
        <v>0.16138946431064599</v>
      </c>
      <c r="C1016" s="8">
        <v>5.6065440050155599</v>
      </c>
      <c r="D1016" s="8">
        <v>3.1995709549616902</v>
      </c>
      <c r="E1016" s="26">
        <v>4.2549368528526903E-3</v>
      </c>
      <c r="F1016" s="8">
        <v>7.0104129759146899E-3</v>
      </c>
      <c r="G1016" s="8">
        <v>-4.3260209738921196</v>
      </c>
      <c r="H1016" s="8">
        <v>91582</v>
      </c>
      <c r="I1016" s="8" t="s">
        <v>3085</v>
      </c>
      <c r="J1016" s="11" t="s">
        <v>3086</v>
      </c>
      <c r="K1016" s="8">
        <v>22</v>
      </c>
      <c r="L1016" s="8">
        <v>39529093</v>
      </c>
      <c r="M1016" s="8">
        <v>39532855</v>
      </c>
      <c r="N1016" s="12">
        <v>-1</v>
      </c>
    </row>
    <row r="1017" spans="1:14" ht="128.25" x14ac:dyDescent="0.2">
      <c r="A1017" s="8" t="s">
        <v>3087</v>
      </c>
      <c r="B1017" s="8">
        <v>-0.44743407061937102</v>
      </c>
      <c r="C1017" s="8">
        <v>1.4138660246989601</v>
      </c>
      <c r="D1017" s="8">
        <v>-3.1923520300702499</v>
      </c>
      <c r="E1017" s="26">
        <v>4.3271234211278596E-3</v>
      </c>
      <c r="F1017" s="8">
        <v>7.1221141814526599E-3</v>
      </c>
      <c r="G1017" s="8">
        <v>-3.25124429030706</v>
      </c>
      <c r="H1017" s="8">
        <v>143689</v>
      </c>
      <c r="I1017" s="8" t="s">
        <v>3088</v>
      </c>
      <c r="J1017" s="11" t="s">
        <v>3089</v>
      </c>
      <c r="K1017" s="8">
        <v>11</v>
      </c>
      <c r="L1017" s="8">
        <v>94543840</v>
      </c>
      <c r="M1017" s="8">
        <v>94621421</v>
      </c>
      <c r="N1017" s="12">
        <v>1</v>
      </c>
    </row>
    <row r="1018" spans="1:14" ht="99.75" x14ac:dyDescent="0.2">
      <c r="A1018" s="8" t="s">
        <v>3090</v>
      </c>
      <c r="B1018" s="8">
        <v>-0.105705973546041</v>
      </c>
      <c r="C1018" s="8">
        <v>7.9322377038716603</v>
      </c>
      <c r="D1018" s="8">
        <v>-3.1923407642944701</v>
      </c>
      <c r="E1018" s="26">
        <v>4.32723699805813E-3</v>
      </c>
      <c r="F1018" s="8">
        <v>7.1221141814526599E-3</v>
      </c>
      <c r="G1018" s="8">
        <v>-4.5375861326427396</v>
      </c>
      <c r="H1018" s="8">
        <v>3068</v>
      </c>
      <c r="I1018" s="8" t="s">
        <v>3091</v>
      </c>
      <c r="J1018" s="11" t="s">
        <v>3092</v>
      </c>
      <c r="K1018" s="8">
        <v>1</v>
      </c>
      <c r="L1018" s="8">
        <v>156742107</v>
      </c>
      <c r="M1018" s="8">
        <v>156766925</v>
      </c>
      <c r="N1018" s="12">
        <v>-1</v>
      </c>
    </row>
    <row r="1019" spans="1:14" ht="128.25" x14ac:dyDescent="0.2">
      <c r="A1019" s="8" t="s">
        <v>3093</v>
      </c>
      <c r="B1019" s="8">
        <v>-0.155620195285156</v>
      </c>
      <c r="C1019" s="8">
        <v>9.0337944842743205</v>
      </c>
      <c r="D1019" s="8">
        <v>-3.19180607861303</v>
      </c>
      <c r="E1019" s="26">
        <v>4.3326308073307904E-3</v>
      </c>
      <c r="F1019" s="8">
        <v>7.1303733267467197E-3</v>
      </c>
      <c r="G1019" s="8">
        <v>-4.5939603493210903</v>
      </c>
      <c r="H1019" s="8">
        <v>3329</v>
      </c>
      <c r="I1019" s="8" t="s">
        <v>3094</v>
      </c>
      <c r="J1019" s="11" t="s">
        <v>3095</v>
      </c>
      <c r="K1019" s="8">
        <v>2</v>
      </c>
      <c r="L1019" s="8">
        <v>197486581</v>
      </c>
      <c r="M1019" s="8">
        <v>197516737</v>
      </c>
      <c r="N1019" s="12">
        <v>-1</v>
      </c>
    </row>
    <row r="1020" spans="1:14" ht="114" x14ac:dyDescent="0.2">
      <c r="A1020" s="8" t="s">
        <v>3096</v>
      </c>
      <c r="B1020" s="8">
        <v>-0.121159010139488</v>
      </c>
      <c r="C1020" s="8">
        <v>5.9450989251353796</v>
      </c>
      <c r="D1020" s="8">
        <v>-3.1880122041512799</v>
      </c>
      <c r="E1020" s="26">
        <v>4.37109048476213E-3</v>
      </c>
      <c r="F1020" s="8">
        <v>7.1880575502019902E-3</v>
      </c>
      <c r="G1020" s="8">
        <v>-4.3957121965972696</v>
      </c>
      <c r="H1020" s="8">
        <v>1477</v>
      </c>
      <c r="I1020" s="8" t="s">
        <v>3097</v>
      </c>
      <c r="J1020" s="11" t="s">
        <v>3098</v>
      </c>
      <c r="K1020" s="8">
        <v>20</v>
      </c>
      <c r="L1020" s="8">
        <v>56392371</v>
      </c>
      <c r="M1020" s="8">
        <v>56406369</v>
      </c>
      <c r="N1020" s="12">
        <v>1</v>
      </c>
    </row>
    <row r="1021" spans="1:14" ht="99.75" x14ac:dyDescent="0.2">
      <c r="A1021" s="8" t="s">
        <v>3099</v>
      </c>
      <c r="B1021" s="8">
        <v>-0.105106146569758</v>
      </c>
      <c r="C1021" s="8">
        <v>8.6203024723105806</v>
      </c>
      <c r="D1021" s="8">
        <v>-3.1800928560227999</v>
      </c>
      <c r="E1021" s="26">
        <v>4.4524414141116396E-3</v>
      </c>
      <c r="F1021" s="8">
        <v>7.3129635377874903E-3</v>
      </c>
      <c r="G1021" s="8">
        <v>-4.6016319920760402</v>
      </c>
      <c r="H1021" s="8">
        <v>2224</v>
      </c>
      <c r="I1021" s="8" t="s">
        <v>3100</v>
      </c>
      <c r="J1021" s="11" t="s">
        <v>3101</v>
      </c>
      <c r="K1021" s="8">
        <v>1</v>
      </c>
      <c r="L1021" s="8">
        <v>155308748</v>
      </c>
      <c r="M1021" s="8">
        <v>155320666</v>
      </c>
      <c r="N1021" s="12">
        <v>1</v>
      </c>
    </row>
    <row r="1022" spans="1:14" ht="114" x14ac:dyDescent="0.2">
      <c r="A1022" s="8" t="s">
        <v>3102</v>
      </c>
      <c r="B1022" s="8">
        <v>0.197994076773651</v>
      </c>
      <c r="C1022" s="8">
        <v>5.1987737340820903</v>
      </c>
      <c r="D1022" s="8">
        <v>3.1707148635044899</v>
      </c>
      <c r="E1022" s="26">
        <v>4.5506758749813301E-3</v>
      </c>
      <c r="F1022" s="8">
        <v>7.4613941661932602E-3</v>
      </c>
      <c r="G1022" s="8">
        <v>-4.3219203255220604</v>
      </c>
      <c r="H1022" s="8">
        <v>65080</v>
      </c>
      <c r="I1022" s="8" t="s">
        <v>3103</v>
      </c>
      <c r="J1022" s="11" t="s">
        <v>3104</v>
      </c>
      <c r="K1022" s="8">
        <v>2</v>
      </c>
      <c r="L1022" s="8">
        <v>223957404</v>
      </c>
      <c r="M1022" s="8">
        <v>223967714</v>
      </c>
      <c r="N1022" s="12">
        <v>1</v>
      </c>
    </row>
    <row r="1023" spans="1:14" ht="114" x14ac:dyDescent="0.2">
      <c r="A1023" s="8" t="s">
        <v>3105</v>
      </c>
      <c r="B1023" s="8">
        <v>0.170477556563817</v>
      </c>
      <c r="C1023" s="8">
        <v>4.1359862327598496</v>
      </c>
      <c r="D1023" s="8">
        <v>3.16605958219635</v>
      </c>
      <c r="E1023" s="26">
        <v>4.6002171063730304E-3</v>
      </c>
      <c r="F1023" s="8">
        <v>7.5341606997187402E-3</v>
      </c>
      <c r="G1023" s="8">
        <v>-4.0927797161713801</v>
      </c>
      <c r="H1023" s="8">
        <v>29093</v>
      </c>
      <c r="I1023" s="8" t="s">
        <v>3106</v>
      </c>
      <c r="J1023" s="11" t="s">
        <v>3107</v>
      </c>
      <c r="K1023" s="8">
        <v>5</v>
      </c>
      <c r="L1023" s="8">
        <v>154941070</v>
      </c>
      <c r="M1023" s="8">
        <v>154969411</v>
      </c>
      <c r="N1023" s="12">
        <v>1</v>
      </c>
    </row>
    <row r="1024" spans="1:14" ht="114" x14ac:dyDescent="0.2">
      <c r="A1024" s="8" t="s">
        <v>3108</v>
      </c>
      <c r="B1024" s="8">
        <v>-0.20267248141104099</v>
      </c>
      <c r="C1024" s="8">
        <v>5.4941377982370803</v>
      </c>
      <c r="D1024" s="8">
        <v>-3.15942032328106</v>
      </c>
      <c r="E1024" s="26">
        <v>4.6717770302790998E-3</v>
      </c>
      <c r="F1024" s="8">
        <v>7.6414680833999703E-3</v>
      </c>
      <c r="G1024" s="8">
        <v>-4.3920262488972099</v>
      </c>
      <c r="H1024" s="8">
        <v>55651</v>
      </c>
      <c r="I1024" s="8" t="s">
        <v>3109</v>
      </c>
      <c r="J1024" s="11" t="s">
        <v>3110</v>
      </c>
      <c r="K1024" s="8">
        <v>5</v>
      </c>
      <c r="L1024" s="8">
        <v>178149460</v>
      </c>
      <c r="M1024" s="8">
        <v>178153967</v>
      </c>
      <c r="N1024" s="12">
        <v>-1</v>
      </c>
    </row>
    <row r="1025" spans="1:14" ht="99.75" x14ac:dyDescent="0.2">
      <c r="A1025" s="8" t="s">
        <v>3111</v>
      </c>
      <c r="B1025" s="8">
        <v>0.15158070496505699</v>
      </c>
      <c r="C1025" s="8">
        <v>6.2795408457882402</v>
      </c>
      <c r="D1025" s="8">
        <v>3.1480318025483101</v>
      </c>
      <c r="E1025" s="26">
        <v>4.7970450656959797E-3</v>
      </c>
      <c r="F1025" s="8">
        <v>7.83151447106957E-3</v>
      </c>
      <c r="G1025" s="8">
        <v>-4.52690250221311</v>
      </c>
      <c r="H1025" s="8">
        <v>2287</v>
      </c>
      <c r="I1025" s="8" t="s">
        <v>3112</v>
      </c>
      <c r="J1025" s="11" t="s">
        <v>3113</v>
      </c>
      <c r="K1025" s="8">
        <v>14</v>
      </c>
      <c r="L1025" s="8">
        <v>45115600</v>
      </c>
      <c r="M1025" s="8">
        <v>45135319</v>
      </c>
      <c r="N1025" s="12">
        <v>-1</v>
      </c>
    </row>
    <row r="1026" spans="1:14" ht="99.75" x14ac:dyDescent="0.2">
      <c r="A1026" s="8" t="s">
        <v>3114</v>
      </c>
      <c r="B1026" s="8">
        <v>0.18749523952188701</v>
      </c>
      <c r="C1026" s="8">
        <v>7.0939527840365102</v>
      </c>
      <c r="D1026" s="8">
        <v>3.1432883508779401</v>
      </c>
      <c r="E1026" s="26">
        <v>4.8501749147783699E-3</v>
      </c>
      <c r="F1026" s="8">
        <v>7.9114465667654392E-3</v>
      </c>
      <c r="G1026" s="8">
        <v>-4.6005657959436697</v>
      </c>
      <c r="H1026" s="8">
        <v>9360</v>
      </c>
      <c r="I1026" s="8" t="s">
        <v>3115</v>
      </c>
      <c r="J1026" s="11" t="s">
        <v>3116</v>
      </c>
      <c r="K1026" s="8">
        <v>2</v>
      </c>
      <c r="L1026" s="8">
        <v>169584340</v>
      </c>
      <c r="M1026" s="8">
        <v>169641406</v>
      </c>
      <c r="N1026" s="12">
        <v>1</v>
      </c>
    </row>
    <row r="1027" spans="1:14" ht="85.5" x14ac:dyDescent="0.2">
      <c r="A1027" s="8" t="s">
        <v>3117</v>
      </c>
      <c r="B1027" s="8">
        <v>0.105217797898188</v>
      </c>
      <c r="C1027" s="8">
        <v>8.22083086197798</v>
      </c>
      <c r="D1027" s="8">
        <v>3.1396217168840099</v>
      </c>
      <c r="E1027" s="26">
        <v>4.8916336724957304E-3</v>
      </c>
      <c r="F1027" s="8">
        <v>7.9729049388432005E-3</v>
      </c>
      <c r="G1027" s="8">
        <v>-4.6732756189368896</v>
      </c>
      <c r="H1027" s="8">
        <v>55705</v>
      </c>
      <c r="I1027" s="8" t="s">
        <v>3118</v>
      </c>
      <c r="J1027" s="11" t="s">
        <v>3119</v>
      </c>
      <c r="K1027" s="8">
        <v>1</v>
      </c>
      <c r="L1027" s="8">
        <v>201829141</v>
      </c>
      <c r="M1027" s="8">
        <v>201884294</v>
      </c>
      <c r="N1027" s="12">
        <v>1</v>
      </c>
    </row>
    <row r="1028" spans="1:14" ht="128.25" x14ac:dyDescent="0.2">
      <c r="A1028" s="8" t="s">
        <v>3120</v>
      </c>
      <c r="B1028" s="8">
        <v>0.18563139029303599</v>
      </c>
      <c r="C1028" s="8">
        <v>4.0593445004201296</v>
      </c>
      <c r="D1028" s="8">
        <v>3.1353858836907902</v>
      </c>
      <c r="E1028" s="26">
        <v>4.9399555432301104E-3</v>
      </c>
      <c r="F1028" s="8">
        <v>8.0447555431114592E-3</v>
      </c>
      <c r="G1028" s="8">
        <v>-4.1422287334359904</v>
      </c>
      <c r="H1028" s="8">
        <v>81844</v>
      </c>
      <c r="I1028" s="8" t="s">
        <v>3121</v>
      </c>
      <c r="J1028" s="11" t="s">
        <v>3122</v>
      </c>
      <c r="K1028" s="8">
        <v>7</v>
      </c>
      <c r="L1028" s="8">
        <v>101085439</v>
      </c>
      <c r="M1028" s="8">
        <v>101097967</v>
      </c>
      <c r="N1028" s="12">
        <v>1</v>
      </c>
    </row>
    <row r="1029" spans="1:14" ht="114" x14ac:dyDescent="0.2">
      <c r="A1029" s="8" t="s">
        <v>3123</v>
      </c>
      <c r="B1029" s="8">
        <v>-0.232917698444389</v>
      </c>
      <c r="C1029" s="8">
        <v>5.92521832320024</v>
      </c>
      <c r="D1029" s="8">
        <v>-3.12847246429014</v>
      </c>
      <c r="E1029" s="26">
        <v>5.0198170104753101E-3</v>
      </c>
      <c r="F1029" s="8">
        <v>8.1643012862349998E-3</v>
      </c>
      <c r="G1029" s="8">
        <v>-4.5249351572030099</v>
      </c>
      <c r="H1029" s="8" t="s">
        <v>3124</v>
      </c>
      <c r="I1029" s="8" t="s">
        <v>3125</v>
      </c>
      <c r="J1029" s="11" t="s">
        <v>3126</v>
      </c>
      <c r="K1029" s="8">
        <v>8</v>
      </c>
      <c r="L1029" s="8">
        <v>144262102</v>
      </c>
      <c r="M1029" s="8">
        <v>144291370</v>
      </c>
      <c r="N1029" s="12">
        <v>-1</v>
      </c>
    </row>
    <row r="1030" spans="1:14" ht="99.75" x14ac:dyDescent="0.2">
      <c r="A1030" s="8" t="s">
        <v>3127</v>
      </c>
      <c r="B1030" s="8">
        <v>0.123937743125886</v>
      </c>
      <c r="C1030" s="8">
        <v>8.3542956400914594</v>
      </c>
      <c r="D1030" s="8">
        <v>3.1273672555116399</v>
      </c>
      <c r="E1030" s="26">
        <v>5.0326992907843296E-3</v>
      </c>
      <c r="F1030" s="8">
        <v>8.1831492109685801E-3</v>
      </c>
      <c r="G1030" s="8">
        <v>-4.7079126510727898</v>
      </c>
      <c r="H1030" s="8">
        <v>6206</v>
      </c>
      <c r="I1030" s="8" t="s">
        <v>3128</v>
      </c>
      <c r="J1030" s="11" t="s">
        <v>3129</v>
      </c>
      <c r="K1030" s="8">
        <v>6</v>
      </c>
      <c r="L1030" s="8">
        <v>132814441</v>
      </c>
      <c r="M1030" s="8">
        <v>132817564</v>
      </c>
      <c r="N1030" s="12">
        <v>1</v>
      </c>
    </row>
    <row r="1031" spans="1:14" ht="85.5" x14ac:dyDescent="0.2">
      <c r="A1031" s="8" t="s">
        <v>3130</v>
      </c>
      <c r="B1031" s="8">
        <v>0.12975464114291499</v>
      </c>
      <c r="C1031" s="8">
        <v>7.3874525988899498</v>
      </c>
      <c r="D1031" s="8">
        <v>3.1249718560889002</v>
      </c>
      <c r="E1031" s="26">
        <v>5.0607298827621203E-3</v>
      </c>
      <c r="F1031" s="8">
        <v>8.22590757903012E-3</v>
      </c>
      <c r="G1031" s="8">
        <v>-4.6592861512647801</v>
      </c>
      <c r="H1031" s="8">
        <v>5917</v>
      </c>
      <c r="I1031" s="8" t="s">
        <v>3131</v>
      </c>
      <c r="J1031" s="11" t="s">
        <v>3132</v>
      </c>
      <c r="K1031" s="8">
        <v>5</v>
      </c>
      <c r="L1031" s="8">
        <v>168486445</v>
      </c>
      <c r="M1031" s="8">
        <v>168519299</v>
      </c>
      <c r="N1031" s="12">
        <v>1</v>
      </c>
    </row>
    <row r="1032" spans="1:14" ht="99.75" x14ac:dyDescent="0.2">
      <c r="A1032" s="8" t="s">
        <v>3133</v>
      </c>
      <c r="B1032" s="8">
        <v>0.14876701809356299</v>
      </c>
      <c r="C1032" s="8">
        <v>5.1354920943871001</v>
      </c>
      <c r="D1032" s="8">
        <v>3.1190746195113799</v>
      </c>
      <c r="E1032" s="26">
        <v>5.1303835836206896E-3</v>
      </c>
      <c r="F1032" s="8">
        <v>8.3291375880203394E-3</v>
      </c>
      <c r="G1032" s="8">
        <v>-4.4252188280727802</v>
      </c>
      <c r="H1032" s="8">
        <v>23567</v>
      </c>
      <c r="I1032" s="8" t="s">
        <v>3134</v>
      </c>
      <c r="J1032" s="11" t="s">
        <v>3135</v>
      </c>
      <c r="K1032" s="8">
        <v>5</v>
      </c>
      <c r="L1032" s="8">
        <v>177022696</v>
      </c>
      <c r="M1032" s="8">
        <v>177081189</v>
      </c>
      <c r="N1032" s="12">
        <v>1</v>
      </c>
    </row>
    <row r="1033" spans="1:14" ht="99.75" x14ac:dyDescent="0.2">
      <c r="A1033" s="8" t="s">
        <v>3136</v>
      </c>
      <c r="B1033" s="8">
        <v>0.124694647344869</v>
      </c>
      <c r="C1033" s="8">
        <v>8.4083063101055195</v>
      </c>
      <c r="D1033" s="8">
        <v>3.1165145845816</v>
      </c>
      <c r="E1033" s="26">
        <v>5.1609086100567999E-3</v>
      </c>
      <c r="F1033" s="8">
        <v>8.3751122535529205E-3</v>
      </c>
      <c r="G1033" s="8">
        <v>-4.7350587288884496</v>
      </c>
      <c r="H1033" s="8" t="s">
        <v>3137</v>
      </c>
      <c r="I1033" s="8" t="s">
        <v>3138</v>
      </c>
      <c r="J1033" s="11" t="s">
        <v>3139</v>
      </c>
      <c r="K1033" s="8">
        <v>19</v>
      </c>
      <c r="L1033" s="8">
        <v>55385345</v>
      </c>
      <c r="M1033" s="8">
        <v>55403250</v>
      </c>
      <c r="N1033" s="12">
        <v>1</v>
      </c>
    </row>
    <row r="1034" spans="1:14" ht="114" x14ac:dyDescent="0.2">
      <c r="A1034" s="8" t="s">
        <v>3140</v>
      </c>
      <c r="B1034" s="8">
        <v>0.15205203707713399</v>
      </c>
      <c r="C1034" s="8">
        <v>4.5980684818632502</v>
      </c>
      <c r="D1034" s="8">
        <v>3.1108649118291201</v>
      </c>
      <c r="E1034" s="26">
        <v>5.2288962660777E-3</v>
      </c>
      <c r="F1034" s="8">
        <v>8.4745606460213899E-3</v>
      </c>
      <c r="G1034" s="8">
        <v>-4.3292575180436002</v>
      </c>
      <c r="H1034" s="8">
        <v>83480</v>
      </c>
      <c r="I1034" s="8" t="s">
        <v>3141</v>
      </c>
      <c r="J1034" s="11" t="s">
        <v>3142</v>
      </c>
      <c r="K1034" s="8">
        <v>11</v>
      </c>
      <c r="L1034" s="8">
        <v>125893485</v>
      </c>
      <c r="M1034" s="8">
        <v>125903221</v>
      </c>
      <c r="N1034" s="12">
        <v>-1</v>
      </c>
    </row>
    <row r="1035" spans="1:14" ht="114" x14ac:dyDescent="0.2">
      <c r="A1035" s="8" t="s">
        <v>3143</v>
      </c>
      <c r="B1035" s="8">
        <v>0.13520783876060299</v>
      </c>
      <c r="C1035" s="8">
        <v>6.04500532839036</v>
      </c>
      <c r="D1035" s="8">
        <v>3.1081386497294901</v>
      </c>
      <c r="E1035" s="26">
        <v>5.2620128523672002E-3</v>
      </c>
      <c r="F1035" s="8">
        <v>8.5238769013548706E-3</v>
      </c>
      <c r="G1035" s="8">
        <v>-4.5909351717795603</v>
      </c>
      <c r="H1035" s="8">
        <v>1977</v>
      </c>
      <c r="I1035" s="8" t="s">
        <v>3144</v>
      </c>
      <c r="J1035" s="11" t="s">
        <v>3145</v>
      </c>
      <c r="K1035" s="8">
        <v>4</v>
      </c>
      <c r="L1035" s="8">
        <v>98871684</v>
      </c>
      <c r="M1035" s="8">
        <v>98930637</v>
      </c>
      <c r="N1035" s="12">
        <v>-1</v>
      </c>
    </row>
    <row r="1036" spans="1:14" ht="99.75" x14ac:dyDescent="0.2">
      <c r="A1036" s="8" t="s">
        <v>3146</v>
      </c>
      <c r="B1036" s="8">
        <v>-0.12915382388459201</v>
      </c>
      <c r="C1036" s="8">
        <v>5.7488814839715303</v>
      </c>
      <c r="D1036" s="8">
        <v>-3.1026982706386299</v>
      </c>
      <c r="E1036" s="26">
        <v>5.3287055892830603E-3</v>
      </c>
      <c r="F1036" s="8">
        <v>8.6230788750596594E-3</v>
      </c>
      <c r="G1036" s="8">
        <v>-4.5606573297072801</v>
      </c>
      <c r="H1036" s="8">
        <v>84153</v>
      </c>
      <c r="I1036" s="8" t="s">
        <v>3147</v>
      </c>
      <c r="J1036" s="11" t="s">
        <v>3148</v>
      </c>
      <c r="K1036" s="8">
        <v>11</v>
      </c>
      <c r="L1036" s="8">
        <v>65714896</v>
      </c>
      <c r="M1036" s="8">
        <v>65720947</v>
      </c>
      <c r="N1036" s="12">
        <v>-1</v>
      </c>
    </row>
    <row r="1037" spans="1:14" ht="128.25" x14ac:dyDescent="0.2">
      <c r="A1037" s="8" t="s">
        <v>3149</v>
      </c>
      <c r="B1037" s="8">
        <v>0.12894673273535201</v>
      </c>
      <c r="C1037" s="8">
        <v>6.63193216415244</v>
      </c>
      <c r="D1037" s="8">
        <v>3.0929983468620499</v>
      </c>
      <c r="E1037" s="26">
        <v>5.4496475987883299E-3</v>
      </c>
      <c r="F1037" s="8">
        <v>8.8075253348838499E-3</v>
      </c>
      <c r="G1037" s="8">
        <v>-4.6811601412516897</v>
      </c>
      <c r="H1037" s="8">
        <v>10412</v>
      </c>
      <c r="I1037" s="8" t="s">
        <v>3150</v>
      </c>
      <c r="J1037" s="11" t="s">
        <v>3151</v>
      </c>
      <c r="K1037" s="8">
        <v>5</v>
      </c>
      <c r="L1037" s="8">
        <v>74766991</v>
      </c>
      <c r="M1037" s="8">
        <v>74780113</v>
      </c>
      <c r="N1037" s="12">
        <v>1</v>
      </c>
    </row>
    <row r="1038" spans="1:14" ht="99.75" x14ac:dyDescent="0.2">
      <c r="A1038" s="8" t="s">
        <v>3152</v>
      </c>
      <c r="B1038" s="8">
        <v>0.14190335592506401</v>
      </c>
      <c r="C1038" s="8">
        <v>6.2673515691211303</v>
      </c>
      <c r="D1038" s="8">
        <v>3.0922007440622901</v>
      </c>
      <c r="E1038" s="26">
        <v>5.4597095549928096E-3</v>
      </c>
      <c r="F1038" s="8">
        <v>8.8222844197120807E-3</v>
      </c>
      <c r="G1038" s="8">
        <v>-4.6507120016718799</v>
      </c>
      <c r="H1038" s="8">
        <v>54606</v>
      </c>
      <c r="I1038" s="8" t="s">
        <v>3153</v>
      </c>
      <c r="J1038" s="11" t="s">
        <v>3154</v>
      </c>
      <c r="K1038" s="8">
        <v>7</v>
      </c>
      <c r="L1038" s="8">
        <v>44565417</v>
      </c>
      <c r="M1038" s="8">
        <v>44575051</v>
      </c>
      <c r="N1038" s="12">
        <v>-1</v>
      </c>
    </row>
    <row r="1039" spans="1:14" ht="114" x14ac:dyDescent="0.2">
      <c r="A1039" s="8" t="s">
        <v>3155</v>
      </c>
      <c r="B1039" s="8">
        <v>-0.20743745646035799</v>
      </c>
      <c r="C1039" s="8">
        <v>3.4745455557786999</v>
      </c>
      <c r="D1039" s="8">
        <v>-3.0735025844361799</v>
      </c>
      <c r="E1039" s="26">
        <v>5.70079871726655E-3</v>
      </c>
      <c r="F1039" s="8">
        <v>9.1876057118953098E-3</v>
      </c>
      <c r="G1039" s="8">
        <v>-4.1129372353033196</v>
      </c>
      <c r="H1039" s="8">
        <v>114984</v>
      </c>
      <c r="I1039" s="8" t="s">
        <v>3156</v>
      </c>
      <c r="J1039" s="11" t="s">
        <v>3157</v>
      </c>
      <c r="K1039" s="8">
        <v>16</v>
      </c>
      <c r="L1039" s="8">
        <v>2883186</v>
      </c>
      <c r="M1039" s="8">
        <v>2899382</v>
      </c>
      <c r="N1039" s="12">
        <v>1</v>
      </c>
    </row>
    <row r="1040" spans="1:14" ht="85.5" x14ac:dyDescent="0.2">
      <c r="A1040" s="8" t="s">
        <v>3158</v>
      </c>
      <c r="B1040" s="8">
        <v>-0.109894786226683</v>
      </c>
      <c r="C1040" s="8">
        <v>9.2060773299316203</v>
      </c>
      <c r="D1040" s="8">
        <v>-3.0688964210513201</v>
      </c>
      <c r="E1040" s="26">
        <v>5.7617489418844599E-3</v>
      </c>
      <c r="F1040" s="8">
        <v>9.2748078437646393E-3</v>
      </c>
      <c r="G1040" s="8">
        <v>-4.8772067110097304</v>
      </c>
      <c r="H1040" s="8">
        <v>7514</v>
      </c>
      <c r="I1040" s="8" t="s">
        <v>3159</v>
      </c>
      <c r="J1040" s="11" t="s">
        <v>3160</v>
      </c>
      <c r="K1040" s="8">
        <v>2</v>
      </c>
      <c r="L1040" s="8">
        <v>61477849</v>
      </c>
      <c r="M1040" s="8">
        <v>61538626</v>
      </c>
      <c r="N1040" s="12">
        <v>-1</v>
      </c>
    </row>
    <row r="1041" spans="1:14" ht="128.25" x14ac:dyDescent="0.2">
      <c r="A1041" s="8" t="s">
        <v>3161</v>
      </c>
      <c r="B1041" s="8">
        <v>0.214003130154993</v>
      </c>
      <c r="C1041" s="8">
        <v>3.81041588301371</v>
      </c>
      <c r="D1041" s="8">
        <v>3.0623337021201702</v>
      </c>
      <c r="E1041" s="26">
        <v>5.8496763561362904E-3</v>
      </c>
      <c r="F1041" s="8">
        <v>9.40358392294776E-3</v>
      </c>
      <c r="G1041" s="8">
        <v>-4.2406532286130796</v>
      </c>
      <c r="H1041" s="8">
        <v>283742</v>
      </c>
      <c r="I1041" s="8" t="s">
        <v>3162</v>
      </c>
      <c r="J1041" s="11" t="s">
        <v>3163</v>
      </c>
      <c r="K1041" s="8">
        <v>15</v>
      </c>
      <c r="L1041" s="8">
        <v>38454127</v>
      </c>
      <c r="M1041" s="8">
        <v>38487710</v>
      </c>
      <c r="N1041" s="12">
        <v>1</v>
      </c>
    </row>
    <row r="1042" spans="1:14" ht="114" x14ac:dyDescent="0.2">
      <c r="A1042" s="8" t="s">
        <v>3164</v>
      </c>
      <c r="B1042" s="8">
        <v>-0.1755407000618</v>
      </c>
      <c r="C1042" s="8">
        <v>4.2914066000084201</v>
      </c>
      <c r="D1042" s="8">
        <v>-3.0613374312809598</v>
      </c>
      <c r="E1042" s="26">
        <v>5.8631370879521803E-3</v>
      </c>
      <c r="F1042" s="8">
        <v>9.4228279571535092E-3</v>
      </c>
      <c r="G1042" s="8">
        <v>-4.3570706171323099</v>
      </c>
      <c r="H1042" s="8">
        <v>27238</v>
      </c>
      <c r="I1042" s="8" t="s">
        <v>3165</v>
      </c>
      <c r="J1042" s="11" t="s">
        <v>3166</v>
      </c>
      <c r="K1042" s="8" t="s">
        <v>108</v>
      </c>
      <c r="L1042" s="8">
        <v>49113389</v>
      </c>
      <c r="M1042" s="8">
        <v>49123801</v>
      </c>
      <c r="N1042" s="12">
        <v>-1</v>
      </c>
    </row>
    <row r="1043" spans="1:14" ht="99.75" x14ac:dyDescent="0.2">
      <c r="A1043" s="8" t="s">
        <v>3167</v>
      </c>
      <c r="B1043" s="8">
        <v>0.12984959156831399</v>
      </c>
      <c r="C1043" s="8">
        <v>5.9038846812880301</v>
      </c>
      <c r="D1043" s="8">
        <v>3.0480684068921402</v>
      </c>
      <c r="E1043" s="26">
        <v>6.0452902200292501E-3</v>
      </c>
      <c r="F1043" s="8">
        <v>9.68849527113377E-3</v>
      </c>
      <c r="G1043" s="8">
        <v>-4.7074087122074904</v>
      </c>
      <c r="H1043" s="8">
        <v>10907</v>
      </c>
      <c r="I1043" s="8" t="s">
        <v>3168</v>
      </c>
      <c r="J1043" s="11" t="s">
        <v>3169</v>
      </c>
      <c r="K1043" s="8">
        <v>18</v>
      </c>
      <c r="L1043" s="8">
        <v>79970811</v>
      </c>
      <c r="M1043" s="8">
        <v>80033949</v>
      </c>
      <c r="N1043" s="12">
        <v>-1</v>
      </c>
    </row>
    <row r="1044" spans="1:14" ht="128.25" x14ac:dyDescent="0.2">
      <c r="A1044" s="8" t="s">
        <v>3170</v>
      </c>
      <c r="B1044" s="8">
        <v>0.132917920718016</v>
      </c>
      <c r="C1044" s="8">
        <v>4.8412617772506996</v>
      </c>
      <c r="D1044" s="8">
        <v>3.0422985732044601</v>
      </c>
      <c r="E1044" s="26">
        <v>6.1261880483072803E-3</v>
      </c>
      <c r="F1044" s="8">
        <v>9.8040707195755795E-3</v>
      </c>
      <c r="G1044" s="8">
        <v>-4.5361465262370002</v>
      </c>
      <c r="H1044" s="8">
        <v>25949</v>
      </c>
      <c r="I1044" s="8" t="s">
        <v>3171</v>
      </c>
      <c r="J1044" s="11" t="s">
        <v>3172</v>
      </c>
      <c r="K1044" s="8">
        <v>1</v>
      </c>
      <c r="L1044" s="8">
        <v>25222679</v>
      </c>
      <c r="M1044" s="8">
        <v>25232502</v>
      </c>
      <c r="N1044" s="12">
        <v>-1</v>
      </c>
    </row>
    <row r="1045" spans="1:14" ht="99.75" x14ac:dyDescent="0.2">
      <c r="A1045" s="8" t="s">
        <v>3173</v>
      </c>
      <c r="B1045" s="8">
        <v>0.107967868000257</v>
      </c>
      <c r="C1045" s="8">
        <v>7.0985823521464297</v>
      </c>
      <c r="D1045" s="8">
        <v>3.0312516198741202</v>
      </c>
      <c r="E1045" s="26">
        <v>6.2839963152480404E-3</v>
      </c>
      <c r="F1045" s="8">
        <v>1.0040531958782699E-2</v>
      </c>
      <c r="G1045" s="8">
        <v>-4.8504853556729897</v>
      </c>
      <c r="H1045" s="8">
        <v>10180</v>
      </c>
      <c r="I1045" s="8" t="s">
        <v>3174</v>
      </c>
      <c r="J1045" s="11" t="s">
        <v>3175</v>
      </c>
      <c r="K1045" s="8">
        <v>3</v>
      </c>
      <c r="L1045" s="8">
        <v>49940007</v>
      </c>
      <c r="M1045" s="8">
        <v>50100045</v>
      </c>
      <c r="N1045" s="12">
        <v>1</v>
      </c>
    </row>
    <row r="1046" spans="1:14" ht="85.5" x14ac:dyDescent="0.2">
      <c r="A1046" s="8" t="s">
        <v>3176</v>
      </c>
      <c r="B1046" s="8">
        <v>-0.15224295844372601</v>
      </c>
      <c r="C1046" s="8">
        <v>5.7941288972377096</v>
      </c>
      <c r="D1046" s="8">
        <v>-3.0236773378691</v>
      </c>
      <c r="E1046" s="26">
        <v>6.3944522207102896E-3</v>
      </c>
      <c r="F1046" s="8">
        <v>1.02101404957862E-2</v>
      </c>
      <c r="G1046" s="8">
        <v>-4.7424075952014704</v>
      </c>
      <c r="H1046" s="8">
        <v>7295</v>
      </c>
      <c r="I1046" s="8" t="s">
        <v>3177</v>
      </c>
      <c r="J1046" s="11" t="s">
        <v>3178</v>
      </c>
      <c r="K1046" s="8">
        <v>9</v>
      </c>
      <c r="L1046" s="8">
        <v>110243811</v>
      </c>
      <c r="M1046" s="8">
        <v>110256640</v>
      </c>
      <c r="N1046" s="12">
        <v>-1</v>
      </c>
    </row>
    <row r="1047" spans="1:14" ht="128.25" x14ac:dyDescent="0.2">
      <c r="A1047" s="8" t="s">
        <v>3179</v>
      </c>
      <c r="B1047" s="8">
        <v>0.104166375467361</v>
      </c>
      <c r="C1047" s="8">
        <v>7.13801624515356</v>
      </c>
      <c r="D1047" s="8">
        <v>3.02329087704338</v>
      </c>
      <c r="E1047" s="26">
        <v>6.4001378393546502E-3</v>
      </c>
      <c r="F1047" s="8">
        <v>1.0218359059181699E-2</v>
      </c>
      <c r="G1047" s="8">
        <v>-4.8705721923836602</v>
      </c>
      <c r="H1047" s="8">
        <v>54882</v>
      </c>
      <c r="I1047" s="8" t="s">
        <v>3180</v>
      </c>
      <c r="J1047" s="11" t="s">
        <v>3181</v>
      </c>
      <c r="K1047" s="8">
        <v>5</v>
      </c>
      <c r="L1047" s="8">
        <v>140401814</v>
      </c>
      <c r="M1047" s="8">
        <v>140539856</v>
      </c>
      <c r="N1047" s="12">
        <v>1</v>
      </c>
    </row>
    <row r="1048" spans="1:14" ht="99.75" x14ac:dyDescent="0.2">
      <c r="A1048" s="8" t="s">
        <v>3182</v>
      </c>
      <c r="B1048" s="8">
        <v>0.13973761549426</v>
      </c>
      <c r="C1048" s="8">
        <v>5.3829986173666002</v>
      </c>
      <c r="D1048" s="8">
        <v>3.0224023014958199</v>
      </c>
      <c r="E1048" s="26">
        <v>6.4132290507947099E-3</v>
      </c>
      <c r="F1048" s="8">
        <v>1.02358156179084E-2</v>
      </c>
      <c r="G1048" s="8">
        <v>-4.6856409812805202</v>
      </c>
      <c r="H1048" s="8">
        <v>6139</v>
      </c>
      <c r="I1048" s="8" t="s">
        <v>3183</v>
      </c>
      <c r="J1048" s="11" t="s">
        <v>3184</v>
      </c>
      <c r="K1048" s="8">
        <v>18</v>
      </c>
      <c r="L1048" s="8">
        <v>49488453</v>
      </c>
      <c r="M1048" s="8">
        <v>49492523</v>
      </c>
      <c r="N1048" s="12">
        <v>-1</v>
      </c>
    </row>
    <row r="1049" spans="1:14" ht="128.25" x14ac:dyDescent="0.2">
      <c r="A1049" s="8" t="s">
        <v>3185</v>
      </c>
      <c r="B1049" s="8">
        <v>0.16390763078312601</v>
      </c>
      <c r="C1049" s="8">
        <v>5.0271695047359097</v>
      </c>
      <c r="D1049" s="8">
        <v>3.01576395408477</v>
      </c>
      <c r="E1049" s="26">
        <v>6.5118496819330804E-3</v>
      </c>
      <c r="F1049" s="8">
        <v>1.03827399944584E-2</v>
      </c>
      <c r="G1049" s="8">
        <v>-4.6340189242455496</v>
      </c>
      <c r="H1049" s="8">
        <v>10922</v>
      </c>
      <c r="I1049" s="8" t="s">
        <v>3186</v>
      </c>
      <c r="J1049" s="11" t="s">
        <v>3187</v>
      </c>
      <c r="K1049" s="8">
        <v>7</v>
      </c>
      <c r="L1049" s="8">
        <v>151076593</v>
      </c>
      <c r="M1049" s="8">
        <v>151080866</v>
      </c>
      <c r="N1049" s="12">
        <v>-1</v>
      </c>
    </row>
    <row r="1050" spans="1:14" ht="142.5" x14ac:dyDescent="0.2">
      <c r="A1050" s="8" t="s">
        <v>3188</v>
      </c>
      <c r="B1050" s="8">
        <v>0.11211102627347</v>
      </c>
      <c r="C1050" s="8">
        <v>6.4611780385564002</v>
      </c>
      <c r="D1050" s="8">
        <v>2.9974672226726802</v>
      </c>
      <c r="E1050" s="26">
        <v>6.7912844925207402E-3</v>
      </c>
      <c r="F1050" s="8">
        <v>1.07992463394139E-2</v>
      </c>
      <c r="G1050" s="8">
        <v>-4.87911155816162</v>
      </c>
      <c r="H1050" s="8">
        <v>23283</v>
      </c>
      <c r="I1050" s="8" t="s">
        <v>3189</v>
      </c>
      <c r="J1050" s="11" t="s">
        <v>3190</v>
      </c>
      <c r="K1050" s="8">
        <v>10</v>
      </c>
      <c r="L1050" s="8">
        <v>51695487</v>
      </c>
      <c r="M1050" s="8">
        <v>51699591</v>
      </c>
      <c r="N1050" s="12">
        <v>-1</v>
      </c>
    </row>
    <row r="1051" spans="1:14" ht="156.75" x14ac:dyDescent="0.2">
      <c r="A1051" s="8" t="s">
        <v>3191</v>
      </c>
      <c r="B1051" s="8">
        <v>0.17852887949895799</v>
      </c>
      <c r="C1051" s="8">
        <v>4.21590109784478</v>
      </c>
      <c r="D1051" s="8">
        <v>2.9899813861930302</v>
      </c>
      <c r="E1051" s="26">
        <v>6.9089055792761799E-3</v>
      </c>
      <c r="F1051" s="8">
        <v>1.09697373810177E-2</v>
      </c>
      <c r="G1051" s="8">
        <v>-4.5054964389977998</v>
      </c>
      <c r="H1051" s="8">
        <v>118924</v>
      </c>
      <c r="I1051" s="8" t="s">
        <v>3192</v>
      </c>
      <c r="J1051" s="11" t="s">
        <v>3193</v>
      </c>
      <c r="K1051" s="8">
        <v>10</v>
      </c>
      <c r="L1051" s="8">
        <v>93667883</v>
      </c>
      <c r="M1051" s="8">
        <v>93702572</v>
      </c>
      <c r="N1051" s="12">
        <v>-1</v>
      </c>
    </row>
    <row r="1052" spans="1:14" ht="114" x14ac:dyDescent="0.2">
      <c r="A1052" s="8" t="s">
        <v>3194</v>
      </c>
      <c r="B1052" s="8">
        <v>-0.130146906037543</v>
      </c>
      <c r="C1052" s="8">
        <v>6.6617611312263598</v>
      </c>
      <c r="D1052" s="8">
        <v>-2.9816428790759999</v>
      </c>
      <c r="E1052" s="26">
        <v>7.0422301654507902E-3</v>
      </c>
      <c r="F1052" s="8">
        <v>1.1164611683355001E-2</v>
      </c>
      <c r="G1052" s="8">
        <v>-4.9282707626701203</v>
      </c>
      <c r="H1052" s="8">
        <v>64783</v>
      </c>
      <c r="I1052" s="8" t="s">
        <v>3195</v>
      </c>
      <c r="J1052" s="11" t="s">
        <v>3196</v>
      </c>
      <c r="K1052" s="8">
        <v>1</v>
      </c>
      <c r="L1052" s="8">
        <v>110338506</v>
      </c>
      <c r="M1052" s="8">
        <v>110346681</v>
      </c>
      <c r="N1052" s="12">
        <v>1</v>
      </c>
    </row>
    <row r="1053" spans="1:14" ht="114" x14ac:dyDescent="0.2">
      <c r="A1053" s="8" t="s">
        <v>3197</v>
      </c>
      <c r="B1053" s="8">
        <v>0.17787720899152601</v>
      </c>
      <c r="C1053" s="8">
        <v>5.1390035722988303</v>
      </c>
      <c r="D1053" s="8">
        <v>2.9808719275057101</v>
      </c>
      <c r="E1053" s="26">
        <v>7.0546810680279801E-3</v>
      </c>
      <c r="F1053" s="8">
        <v>1.1181548703580299E-2</v>
      </c>
      <c r="G1053" s="8">
        <v>-4.7332648954995804</v>
      </c>
      <c r="H1053" s="8">
        <v>51605</v>
      </c>
      <c r="I1053" s="8" t="s">
        <v>3198</v>
      </c>
      <c r="J1053" s="11" t="s">
        <v>3199</v>
      </c>
      <c r="K1053" s="8">
        <v>20</v>
      </c>
      <c r="L1053" s="8">
        <v>5937235</v>
      </c>
      <c r="M1053" s="8">
        <v>5950558</v>
      </c>
      <c r="N1053" s="12">
        <v>-1</v>
      </c>
    </row>
    <row r="1054" spans="1:14" ht="228" x14ac:dyDescent="0.2">
      <c r="A1054" s="8" t="s">
        <v>3200</v>
      </c>
      <c r="B1054" s="8">
        <v>0.12959159741323401</v>
      </c>
      <c r="C1054" s="8">
        <v>5.8158799703863204</v>
      </c>
      <c r="D1054" s="8">
        <v>2.9768197201304898</v>
      </c>
      <c r="E1054" s="26">
        <v>7.1204730144167E-3</v>
      </c>
      <c r="F1054" s="8">
        <v>1.12773507256373E-2</v>
      </c>
      <c r="G1054" s="8">
        <v>-4.8533509194790003</v>
      </c>
      <c r="H1054" s="8">
        <v>3032</v>
      </c>
      <c r="I1054" s="8" t="s">
        <v>3201</v>
      </c>
      <c r="J1054" s="11" t="s">
        <v>3202</v>
      </c>
      <c r="K1054" s="8">
        <v>2</v>
      </c>
      <c r="L1054" s="8">
        <v>26243170</v>
      </c>
      <c r="M1054" s="8">
        <v>26290468</v>
      </c>
      <c r="N1054" s="12">
        <v>1</v>
      </c>
    </row>
    <row r="1055" spans="1:14" ht="128.25" x14ac:dyDescent="0.2">
      <c r="A1055" s="8" t="s">
        <v>3203</v>
      </c>
      <c r="B1055" s="8">
        <v>0.10688331529636499</v>
      </c>
      <c r="C1055" s="8">
        <v>6.1302371837999701</v>
      </c>
      <c r="D1055" s="8">
        <v>2.9765976374889598</v>
      </c>
      <c r="E1055" s="26">
        <v>7.1240957556064199E-3</v>
      </c>
      <c r="F1055" s="8">
        <v>1.12821468041511E-2</v>
      </c>
      <c r="G1055" s="8">
        <v>-4.8922564728989197</v>
      </c>
      <c r="H1055" s="8">
        <v>8732</v>
      </c>
      <c r="I1055" s="8" t="s">
        <v>3204</v>
      </c>
      <c r="J1055" s="11" t="s">
        <v>3205</v>
      </c>
      <c r="K1055" s="8">
        <v>6</v>
      </c>
      <c r="L1055" s="8">
        <v>88610272</v>
      </c>
      <c r="M1055" s="8">
        <v>88963721</v>
      </c>
      <c r="N1055" s="12">
        <v>-1</v>
      </c>
    </row>
    <row r="1056" spans="1:14" ht="142.5" x14ac:dyDescent="0.2">
      <c r="A1056" s="8" t="s">
        <v>3206</v>
      </c>
      <c r="B1056" s="8">
        <v>0.15395585705630199</v>
      </c>
      <c r="C1056" s="8">
        <v>6.0142367533451502</v>
      </c>
      <c r="D1056" s="8">
        <v>2.96571000593288</v>
      </c>
      <c r="E1056" s="26">
        <v>7.3038888733591304E-3</v>
      </c>
      <c r="F1056" s="8">
        <v>1.1544719236193201E-2</v>
      </c>
      <c r="G1056" s="8">
        <v>-4.9033695087140696</v>
      </c>
      <c r="H1056" s="8">
        <v>27292</v>
      </c>
      <c r="I1056" s="8" t="s">
        <v>3207</v>
      </c>
      <c r="J1056" s="11" t="s">
        <v>3208</v>
      </c>
      <c r="K1056" s="8">
        <v>5</v>
      </c>
      <c r="L1056" s="8">
        <v>62387254</v>
      </c>
      <c r="M1056" s="8">
        <v>62403939</v>
      </c>
      <c r="N1056" s="12">
        <v>-1</v>
      </c>
    </row>
    <row r="1057" spans="1:14" ht="156.75" x14ac:dyDescent="0.2">
      <c r="A1057" s="8" t="s">
        <v>3209</v>
      </c>
      <c r="B1057" s="8">
        <v>0.108726102891159</v>
      </c>
      <c r="C1057" s="8">
        <v>8.3010646822693204</v>
      </c>
      <c r="D1057" s="8">
        <v>2.9507853318220501</v>
      </c>
      <c r="E1057" s="26">
        <v>7.5574413865515597E-3</v>
      </c>
      <c r="F1057" s="8">
        <v>1.19246333410318E-2</v>
      </c>
      <c r="G1057" s="8">
        <v>-5.0967757023749698</v>
      </c>
      <c r="H1057" s="8">
        <v>6628</v>
      </c>
      <c r="I1057" s="8" t="s">
        <v>3210</v>
      </c>
      <c r="J1057" s="11" t="s">
        <v>3211</v>
      </c>
      <c r="K1057" s="8">
        <v>20</v>
      </c>
      <c r="L1057" s="8">
        <v>2461634</v>
      </c>
      <c r="M1057" s="8">
        <v>2470853</v>
      </c>
      <c r="N1057" s="12">
        <v>-1</v>
      </c>
    </row>
    <row r="1058" spans="1:14" ht="114" x14ac:dyDescent="0.2">
      <c r="A1058" s="8" t="s">
        <v>3212</v>
      </c>
      <c r="B1058" s="8">
        <v>0.107930741663827</v>
      </c>
      <c r="C1058" s="8">
        <v>8.5013805010226502</v>
      </c>
      <c r="D1058" s="8">
        <v>2.94687643360158</v>
      </c>
      <c r="E1058" s="26">
        <v>7.6252323485116102E-3</v>
      </c>
      <c r="F1058" s="8">
        <v>1.20236006878026E-2</v>
      </c>
      <c r="G1058" s="8">
        <v>-5.1156784067125702</v>
      </c>
      <c r="H1058" s="8">
        <v>10949</v>
      </c>
      <c r="I1058" s="8" t="s">
        <v>3213</v>
      </c>
      <c r="J1058" s="11" t="s">
        <v>3214</v>
      </c>
      <c r="K1058" s="8">
        <v>5</v>
      </c>
      <c r="L1058" s="8">
        <v>137745651</v>
      </c>
      <c r="M1058" s="8">
        <v>137754376</v>
      </c>
      <c r="N1058" s="12">
        <v>-1</v>
      </c>
    </row>
    <row r="1059" spans="1:14" ht="142.5" x14ac:dyDescent="0.2">
      <c r="A1059" s="8" t="s">
        <v>3215</v>
      </c>
      <c r="B1059" s="8">
        <v>0.107650540716746</v>
      </c>
      <c r="C1059" s="8">
        <v>6.4484745920565203</v>
      </c>
      <c r="D1059" s="8">
        <v>2.9429121957934901</v>
      </c>
      <c r="E1059" s="26">
        <v>7.69457875269439E-3</v>
      </c>
      <c r="F1059" s="8">
        <v>1.2121867922122E-2</v>
      </c>
      <c r="G1059" s="8">
        <v>-4.9978450472395597</v>
      </c>
      <c r="H1059" s="8">
        <v>27335</v>
      </c>
      <c r="I1059" s="8" t="s">
        <v>3216</v>
      </c>
      <c r="J1059" s="11" t="s">
        <v>3217</v>
      </c>
      <c r="K1059" s="8">
        <v>19</v>
      </c>
      <c r="L1059" s="8">
        <v>38619082</v>
      </c>
      <c r="M1059" s="8">
        <v>38636955</v>
      </c>
      <c r="N1059" s="12">
        <v>1</v>
      </c>
    </row>
    <row r="1060" spans="1:14" ht="114" x14ac:dyDescent="0.2">
      <c r="A1060" s="8" t="s">
        <v>3218</v>
      </c>
      <c r="B1060" s="8">
        <v>0.150573333886037</v>
      </c>
      <c r="C1060" s="8">
        <v>4.5889818473361403</v>
      </c>
      <c r="D1060" s="8">
        <v>2.94090785568461</v>
      </c>
      <c r="E1060" s="26">
        <v>7.7298705454888197E-3</v>
      </c>
      <c r="F1060" s="8">
        <v>1.21724133550528E-2</v>
      </c>
      <c r="G1060" s="8">
        <v>-4.7033863894808503</v>
      </c>
      <c r="H1060" s="8">
        <v>9941</v>
      </c>
      <c r="I1060" s="8" t="s">
        <v>3219</v>
      </c>
      <c r="J1060" s="11" t="s">
        <v>3220</v>
      </c>
      <c r="K1060" s="8">
        <v>3</v>
      </c>
      <c r="L1060" s="8">
        <v>38496127</v>
      </c>
      <c r="M1060" s="8">
        <v>38542161</v>
      </c>
      <c r="N1060" s="12">
        <v>1</v>
      </c>
    </row>
    <row r="1061" spans="1:14" ht="128.25" x14ac:dyDescent="0.2">
      <c r="A1061" s="8" t="s">
        <v>3221</v>
      </c>
      <c r="B1061" s="8">
        <v>0.13313230394784401</v>
      </c>
      <c r="C1061" s="8">
        <v>4.9212994652246298</v>
      </c>
      <c r="D1061" s="8">
        <v>2.93972139502984</v>
      </c>
      <c r="E1061" s="26">
        <v>7.7508344738311703E-3</v>
      </c>
      <c r="F1061" s="8">
        <v>1.22003637864876E-2</v>
      </c>
      <c r="G1061" s="8">
        <v>-4.77908269417326</v>
      </c>
      <c r="H1061" s="8">
        <v>28987</v>
      </c>
      <c r="I1061" s="8" t="s">
        <v>3222</v>
      </c>
      <c r="J1061" s="11" t="s">
        <v>3223</v>
      </c>
      <c r="K1061" s="8">
        <v>16</v>
      </c>
      <c r="L1061" s="8">
        <v>69741867</v>
      </c>
      <c r="M1061" s="8">
        <v>69754940</v>
      </c>
      <c r="N1061" s="12">
        <v>-1</v>
      </c>
    </row>
    <row r="1062" spans="1:14" ht="128.25" x14ac:dyDescent="0.2">
      <c r="A1062" s="8" t="s">
        <v>3224</v>
      </c>
      <c r="B1062" s="8">
        <v>0.102374910235785</v>
      </c>
      <c r="C1062" s="8">
        <v>7.7319244653461503</v>
      </c>
      <c r="D1062" s="8">
        <v>2.9337281294840998</v>
      </c>
      <c r="E1062" s="26">
        <v>7.8575673827070702E-3</v>
      </c>
      <c r="F1062" s="8">
        <v>1.23585018167988E-2</v>
      </c>
      <c r="G1062" s="8">
        <v>-5.1028137396789797</v>
      </c>
      <c r="H1062" s="8">
        <v>8664</v>
      </c>
      <c r="I1062" s="8" t="s">
        <v>3225</v>
      </c>
      <c r="J1062" s="11" t="s">
        <v>3226</v>
      </c>
      <c r="K1062" s="8">
        <v>22</v>
      </c>
      <c r="L1062" s="8">
        <v>36510850</v>
      </c>
      <c r="M1062" s="8">
        <v>36529436</v>
      </c>
      <c r="N1062" s="12">
        <v>-1</v>
      </c>
    </row>
    <row r="1063" spans="1:14" ht="142.5" x14ac:dyDescent="0.2">
      <c r="A1063" s="8" t="s">
        <v>3227</v>
      </c>
      <c r="B1063" s="8">
        <v>0.15498470999937999</v>
      </c>
      <c r="C1063" s="8">
        <v>4.3373447559057503</v>
      </c>
      <c r="D1063" s="8">
        <v>2.92721276991595</v>
      </c>
      <c r="E1063" s="26">
        <v>7.9751965922012606E-3</v>
      </c>
      <c r="F1063" s="8">
        <v>1.2530659523944601E-2</v>
      </c>
      <c r="G1063" s="8">
        <v>-4.6729820729758504</v>
      </c>
      <c r="H1063" s="8">
        <v>54952</v>
      </c>
      <c r="I1063" s="8" t="s">
        <v>3228</v>
      </c>
      <c r="J1063" s="11" t="s">
        <v>3229</v>
      </c>
      <c r="K1063" s="8">
        <v>1</v>
      </c>
      <c r="L1063" s="8">
        <v>28553085</v>
      </c>
      <c r="M1063" s="8">
        <v>28578545</v>
      </c>
      <c r="N1063" s="12">
        <v>1</v>
      </c>
    </row>
    <row r="1064" spans="1:14" ht="99.75" x14ac:dyDescent="0.2">
      <c r="A1064" s="8" t="s">
        <v>3230</v>
      </c>
      <c r="B1064" s="8">
        <v>0.143491968349097</v>
      </c>
      <c r="C1064" s="8">
        <v>6.23069754556691</v>
      </c>
      <c r="D1064" s="8">
        <v>2.9253886767569299</v>
      </c>
      <c r="E1064" s="26">
        <v>8.0084302994390295E-3</v>
      </c>
      <c r="F1064" s="8">
        <v>1.25752846607795E-2</v>
      </c>
      <c r="G1064" s="8">
        <v>-5.0155635832700503</v>
      </c>
      <c r="H1064" s="8">
        <v>11091</v>
      </c>
      <c r="I1064" s="8" t="s">
        <v>3231</v>
      </c>
      <c r="J1064" s="11" t="s">
        <v>3232</v>
      </c>
      <c r="K1064" s="8">
        <v>9</v>
      </c>
      <c r="L1064" s="8">
        <v>134135365</v>
      </c>
      <c r="M1064" s="8">
        <v>134159968</v>
      </c>
      <c r="N1064" s="12">
        <v>1</v>
      </c>
    </row>
    <row r="1065" spans="1:14" ht="99.75" x14ac:dyDescent="0.2">
      <c r="A1065" s="8" t="s">
        <v>3233</v>
      </c>
      <c r="B1065" s="8">
        <v>0.104565888376504</v>
      </c>
      <c r="C1065" s="8">
        <v>8.1328618024359702</v>
      </c>
      <c r="D1065" s="8">
        <v>2.9171165810623201</v>
      </c>
      <c r="E1065" s="26">
        <v>8.16081497293095E-3</v>
      </c>
      <c r="F1065" s="8">
        <v>1.27958180402636E-2</v>
      </c>
      <c r="G1065" s="8">
        <v>-5.1613821303987999</v>
      </c>
      <c r="H1065" s="8">
        <v>6203</v>
      </c>
      <c r="I1065" s="8" t="s">
        <v>3234</v>
      </c>
      <c r="J1065" s="11" t="s">
        <v>3235</v>
      </c>
      <c r="K1065" s="8">
        <v>19</v>
      </c>
      <c r="L1065" s="8">
        <v>54200742</v>
      </c>
      <c r="M1065" s="8">
        <v>54249003</v>
      </c>
      <c r="N1065" s="12">
        <v>1</v>
      </c>
    </row>
    <row r="1066" spans="1:14" ht="114" x14ac:dyDescent="0.2">
      <c r="A1066" s="8" t="s">
        <v>3236</v>
      </c>
      <c r="B1066" s="8">
        <v>0.19479724472531099</v>
      </c>
      <c r="C1066" s="8">
        <v>3.43653636883682</v>
      </c>
      <c r="D1066" s="8">
        <v>2.9117256862975802</v>
      </c>
      <c r="E1066" s="26">
        <v>8.2616144491192804E-3</v>
      </c>
      <c r="F1066" s="8">
        <v>1.2939968421998699E-2</v>
      </c>
      <c r="G1066" s="8">
        <v>-4.4705110117147102</v>
      </c>
      <c r="H1066" s="8">
        <v>23144</v>
      </c>
      <c r="I1066" s="8" t="s">
        <v>3237</v>
      </c>
      <c r="J1066" s="11" t="s">
        <v>3238</v>
      </c>
      <c r="K1066" s="8">
        <v>8</v>
      </c>
      <c r="L1066" s="8">
        <v>143437655</v>
      </c>
      <c r="M1066" s="8">
        <v>143541453</v>
      </c>
      <c r="N1066" s="12">
        <v>-1</v>
      </c>
    </row>
    <row r="1067" spans="1:14" ht="99.75" x14ac:dyDescent="0.2">
      <c r="A1067" s="8" t="s">
        <v>3239</v>
      </c>
      <c r="B1067" s="8">
        <v>0.12499120182864</v>
      </c>
      <c r="C1067" s="8">
        <v>6.3062941175979601</v>
      </c>
      <c r="D1067" s="8">
        <v>2.8846789350746902</v>
      </c>
      <c r="E1067" s="26">
        <v>8.7855941876023892E-3</v>
      </c>
      <c r="F1067" s="8">
        <v>1.37018590481698E-2</v>
      </c>
      <c r="G1067" s="8">
        <v>-5.1117046749255497</v>
      </c>
      <c r="H1067" s="8">
        <v>9931</v>
      </c>
      <c r="I1067" s="8" t="s">
        <v>3240</v>
      </c>
      <c r="J1067" s="11" t="s">
        <v>3241</v>
      </c>
      <c r="K1067" s="8">
        <v>17</v>
      </c>
      <c r="L1067" s="8">
        <v>67070438</v>
      </c>
      <c r="M1067" s="8">
        <v>67245989</v>
      </c>
      <c r="N1067" s="12">
        <v>-1</v>
      </c>
    </row>
    <row r="1068" spans="1:14" ht="142.5" x14ac:dyDescent="0.2">
      <c r="A1068" s="8" t="s">
        <v>3242</v>
      </c>
      <c r="B1068" s="8">
        <v>0.159448269975107</v>
      </c>
      <c r="C1068" s="8">
        <v>5.9309919689668797</v>
      </c>
      <c r="D1068" s="8">
        <v>2.8757387300683601</v>
      </c>
      <c r="E1068" s="26">
        <v>8.9656786766759596E-3</v>
      </c>
      <c r="F1068" s="8">
        <v>1.39620617304513E-2</v>
      </c>
      <c r="G1068" s="8">
        <v>-5.0894728274395504</v>
      </c>
      <c r="H1068" s="8">
        <v>55272</v>
      </c>
      <c r="I1068" s="8" t="s">
        <v>3243</v>
      </c>
      <c r="J1068" s="11" t="s">
        <v>3244</v>
      </c>
      <c r="K1068" s="8">
        <v>15</v>
      </c>
      <c r="L1068" s="8">
        <v>75639085</v>
      </c>
      <c r="M1068" s="8">
        <v>75648706</v>
      </c>
      <c r="N1068" s="12">
        <v>-1</v>
      </c>
    </row>
    <row r="1069" spans="1:14" ht="99.75" x14ac:dyDescent="0.2">
      <c r="A1069" s="8" t="s">
        <v>3245</v>
      </c>
      <c r="B1069" s="8">
        <v>0.118427184434963</v>
      </c>
      <c r="C1069" s="8">
        <v>7.3066075588857498</v>
      </c>
      <c r="D1069" s="8">
        <v>2.8755217484973601</v>
      </c>
      <c r="E1069" s="26">
        <v>8.9700929480599594E-3</v>
      </c>
      <c r="F1069" s="8">
        <v>1.39677897657614E-2</v>
      </c>
      <c r="G1069" s="8">
        <v>-5.2048111081662602</v>
      </c>
      <c r="H1069" s="8">
        <v>6152</v>
      </c>
      <c r="I1069" s="8" t="s">
        <v>3246</v>
      </c>
      <c r="J1069" s="11" t="s">
        <v>3247</v>
      </c>
      <c r="K1069" s="8">
        <v>3</v>
      </c>
      <c r="L1069" s="8">
        <v>101681091</v>
      </c>
      <c r="M1069" s="8">
        <v>101686782</v>
      </c>
      <c r="N1069" s="12">
        <v>-1</v>
      </c>
    </row>
    <row r="1070" spans="1:14" ht="128.25" x14ac:dyDescent="0.2">
      <c r="A1070" s="8" t="s">
        <v>3248</v>
      </c>
      <c r="B1070" s="8">
        <v>0.104047141073321</v>
      </c>
      <c r="C1070" s="8">
        <v>6.8179692608949596</v>
      </c>
      <c r="D1070" s="8">
        <v>2.8747782803124502</v>
      </c>
      <c r="E1070" s="26">
        <v>8.9852338195413103E-3</v>
      </c>
      <c r="F1070" s="8">
        <v>1.39890706533297E-2</v>
      </c>
      <c r="G1070" s="8">
        <v>-5.1750707604627904</v>
      </c>
      <c r="H1070" s="8">
        <v>127933</v>
      </c>
      <c r="I1070" s="8" t="s">
        <v>3249</v>
      </c>
      <c r="J1070" s="11" t="s">
        <v>3250</v>
      </c>
      <c r="K1070" s="8">
        <v>1</v>
      </c>
      <c r="L1070" s="8">
        <v>162497251</v>
      </c>
      <c r="M1070" s="8">
        <v>162529629</v>
      </c>
      <c r="N1070" s="12">
        <v>1</v>
      </c>
    </row>
    <row r="1071" spans="1:14" ht="142.5" x14ac:dyDescent="0.2">
      <c r="A1071" s="8" t="s">
        <v>3251</v>
      </c>
      <c r="B1071" s="8">
        <v>-0.15693104479356401</v>
      </c>
      <c r="C1071" s="8">
        <v>4.5341643605573196</v>
      </c>
      <c r="D1071" s="8">
        <v>-2.8734086320121501</v>
      </c>
      <c r="E1071" s="26">
        <v>9.01319094890091E-3</v>
      </c>
      <c r="F1071" s="8">
        <v>1.40279934911254E-2</v>
      </c>
      <c r="G1071" s="8">
        <v>-4.8296871832259898</v>
      </c>
      <c r="H1071" s="8">
        <v>80315</v>
      </c>
      <c r="I1071" s="8" t="s">
        <v>3252</v>
      </c>
      <c r="J1071" s="11" t="s">
        <v>3253</v>
      </c>
      <c r="K1071" s="8">
        <v>5</v>
      </c>
      <c r="L1071" s="8">
        <v>173888280</v>
      </c>
      <c r="M1071" s="8">
        <v>173961976</v>
      </c>
      <c r="N1071" s="12">
        <v>1</v>
      </c>
    </row>
    <row r="1072" spans="1:14" ht="171" x14ac:dyDescent="0.2">
      <c r="A1072" s="8" t="s">
        <v>3254</v>
      </c>
      <c r="B1072" s="8">
        <v>-0.16836589805827301</v>
      </c>
      <c r="C1072" s="8">
        <v>5.6184389581129803</v>
      </c>
      <c r="D1072" s="8">
        <v>-2.8566619321796698</v>
      </c>
      <c r="E1072" s="26">
        <v>9.3618153814961896E-3</v>
      </c>
      <c r="F1072" s="8">
        <v>1.45337978848319E-2</v>
      </c>
      <c r="G1072" s="8">
        <v>-5.0814844660281198</v>
      </c>
      <c r="H1072" s="8">
        <v>7965</v>
      </c>
      <c r="I1072" s="8" t="s">
        <v>3255</v>
      </c>
      <c r="J1072" s="11" t="s">
        <v>3256</v>
      </c>
      <c r="K1072" s="8">
        <v>7</v>
      </c>
      <c r="L1072" s="8">
        <v>6009245</v>
      </c>
      <c r="M1072" s="8">
        <v>6023834</v>
      </c>
      <c r="N1072" s="12">
        <v>1</v>
      </c>
    </row>
    <row r="1073" spans="1:14" ht="114" x14ac:dyDescent="0.2">
      <c r="A1073" s="8" t="s">
        <v>3257</v>
      </c>
      <c r="B1073" s="8">
        <v>0.13839245201998701</v>
      </c>
      <c r="C1073" s="8">
        <v>5.4402961638904896</v>
      </c>
      <c r="D1073" s="8">
        <v>2.8538372661730098</v>
      </c>
      <c r="E1073" s="26">
        <v>9.4218730502768598E-3</v>
      </c>
      <c r="F1073" s="8">
        <v>1.4620891722553301E-2</v>
      </c>
      <c r="G1073" s="8">
        <v>-5.0641924319248401</v>
      </c>
      <c r="H1073" s="8">
        <v>51264</v>
      </c>
      <c r="I1073" s="8" t="s">
        <v>3258</v>
      </c>
      <c r="J1073" s="11" t="s">
        <v>3259</v>
      </c>
      <c r="K1073" s="8">
        <v>17</v>
      </c>
      <c r="L1073" s="8">
        <v>50367857</v>
      </c>
      <c r="M1073" s="8">
        <v>50373214</v>
      </c>
      <c r="N1073" s="12">
        <v>-1</v>
      </c>
    </row>
    <row r="1074" spans="1:14" ht="114" x14ac:dyDescent="0.2">
      <c r="A1074" s="8" t="s">
        <v>3260</v>
      </c>
      <c r="B1074" s="8">
        <v>-0.112816118600803</v>
      </c>
      <c r="C1074" s="8">
        <v>5.0770977063578098</v>
      </c>
      <c r="D1074" s="8">
        <v>-2.8469709173746098</v>
      </c>
      <c r="E1074" s="26">
        <v>9.5694021686573792E-3</v>
      </c>
      <c r="F1074" s="8">
        <v>1.48352703990369E-2</v>
      </c>
      <c r="G1074" s="8">
        <v>-5.0072768105032601</v>
      </c>
      <c r="H1074" s="8">
        <v>54802</v>
      </c>
      <c r="I1074" s="8" t="s">
        <v>3261</v>
      </c>
      <c r="J1074" s="11" t="s">
        <v>3262</v>
      </c>
      <c r="K1074" s="8">
        <v>1</v>
      </c>
      <c r="L1074" s="8">
        <v>39841022</v>
      </c>
      <c r="M1074" s="8">
        <v>39883511</v>
      </c>
      <c r="N1074" s="12">
        <v>-1</v>
      </c>
    </row>
    <row r="1075" spans="1:14" ht="114" x14ac:dyDescent="0.2">
      <c r="A1075" s="8" t="s">
        <v>3263</v>
      </c>
      <c r="B1075" s="8">
        <v>0.114229705633798</v>
      </c>
      <c r="C1075" s="8">
        <v>6.2841557013354503</v>
      </c>
      <c r="D1075" s="8">
        <v>2.8433221750449</v>
      </c>
      <c r="E1075" s="26">
        <v>9.6486929436728798E-3</v>
      </c>
      <c r="F1075" s="8">
        <v>1.49447637930199E-2</v>
      </c>
      <c r="G1075" s="8">
        <v>-5.1988768688753098</v>
      </c>
      <c r="H1075" s="8">
        <v>51253</v>
      </c>
      <c r="I1075" s="8" t="s">
        <v>3264</v>
      </c>
      <c r="J1075" s="11" t="s">
        <v>3265</v>
      </c>
      <c r="K1075" s="8">
        <v>1</v>
      </c>
      <c r="L1075" s="8">
        <v>54184041</v>
      </c>
      <c r="M1075" s="8">
        <v>54225464</v>
      </c>
      <c r="N1075" s="12">
        <v>1</v>
      </c>
    </row>
    <row r="1076" spans="1:14" ht="142.5" x14ac:dyDescent="0.2">
      <c r="A1076" s="8" t="s">
        <v>3266</v>
      </c>
      <c r="B1076" s="8">
        <v>0.236268091711902</v>
      </c>
      <c r="C1076" s="8">
        <v>3.9962924657652699</v>
      </c>
      <c r="D1076" s="8">
        <v>2.8365755302351201</v>
      </c>
      <c r="E1076" s="26">
        <v>9.7969583763245199E-3</v>
      </c>
      <c r="F1076" s="8">
        <v>1.5159562875693901E-2</v>
      </c>
      <c r="G1076" s="8">
        <v>-4.7845311769486898</v>
      </c>
      <c r="H1076" s="8">
        <v>55916</v>
      </c>
      <c r="I1076" s="8" t="s">
        <v>3267</v>
      </c>
      <c r="J1076" s="11" t="s">
        <v>3268</v>
      </c>
      <c r="K1076" s="8" t="s">
        <v>108</v>
      </c>
      <c r="L1076" s="8">
        <v>109535781</v>
      </c>
      <c r="M1076" s="8">
        <v>109544690</v>
      </c>
      <c r="N1076" s="12">
        <v>1</v>
      </c>
    </row>
    <row r="1077" spans="1:14" ht="114" x14ac:dyDescent="0.2">
      <c r="A1077" s="8" t="s">
        <v>3269</v>
      </c>
      <c r="B1077" s="8">
        <v>-0.12505141953007301</v>
      </c>
      <c r="C1077" s="8">
        <v>5.5098776359364603</v>
      </c>
      <c r="D1077" s="8">
        <v>-2.8306065966070402</v>
      </c>
      <c r="E1077" s="26">
        <v>9.9299424509272805E-3</v>
      </c>
      <c r="F1077" s="8">
        <v>1.53440695294558E-2</v>
      </c>
      <c r="G1077" s="8">
        <v>-5.1212193994776003</v>
      </c>
      <c r="H1077" s="8">
        <v>64965</v>
      </c>
      <c r="I1077" s="8" t="s">
        <v>3270</v>
      </c>
      <c r="J1077" s="11" t="s">
        <v>3271</v>
      </c>
      <c r="K1077" s="8">
        <v>2</v>
      </c>
      <c r="L1077" s="8">
        <v>105037983</v>
      </c>
      <c r="M1077" s="8">
        <v>105099960</v>
      </c>
      <c r="N1077" s="12">
        <v>1</v>
      </c>
    </row>
    <row r="1078" spans="1:14" ht="114" x14ac:dyDescent="0.2">
      <c r="A1078" s="8" t="s">
        <v>3272</v>
      </c>
      <c r="B1078" s="8">
        <v>0.106206521844951</v>
      </c>
      <c r="C1078" s="8">
        <v>6.7899118057864696</v>
      </c>
      <c r="D1078" s="8">
        <v>2.8244075584911701</v>
      </c>
      <c r="E1078" s="26">
        <v>1.0069874450493401E-2</v>
      </c>
      <c r="F1078" s="8">
        <v>1.55413148541814E-2</v>
      </c>
      <c r="G1078" s="8">
        <v>-5.2818505854363398</v>
      </c>
      <c r="H1078" s="8">
        <v>26523</v>
      </c>
      <c r="I1078" s="8" t="s">
        <v>3273</v>
      </c>
      <c r="J1078" s="11" t="s">
        <v>3274</v>
      </c>
      <c r="K1078" s="8">
        <v>1</v>
      </c>
      <c r="L1078" s="8">
        <v>35869808</v>
      </c>
      <c r="M1078" s="8">
        <v>35930528</v>
      </c>
      <c r="N1078" s="12">
        <v>1</v>
      </c>
    </row>
    <row r="1079" spans="1:14" ht="99.75" x14ac:dyDescent="0.2">
      <c r="A1079" s="8" t="s">
        <v>3275</v>
      </c>
      <c r="B1079" s="8">
        <v>0.10098080292933399</v>
      </c>
      <c r="C1079" s="8">
        <v>6.6242225802335097</v>
      </c>
      <c r="D1079" s="8">
        <v>2.8231782943002699</v>
      </c>
      <c r="E1079" s="26">
        <v>1.0097845307920199E-2</v>
      </c>
      <c r="F1079" s="8">
        <v>1.5578148964181899E-2</v>
      </c>
      <c r="G1079" s="8">
        <v>-5.27223205747966</v>
      </c>
      <c r="H1079" s="8">
        <v>9785</v>
      </c>
      <c r="I1079" s="8" t="s">
        <v>3276</v>
      </c>
      <c r="J1079" s="11" t="s">
        <v>3277</v>
      </c>
      <c r="K1079" s="8">
        <v>16</v>
      </c>
      <c r="L1079" s="8">
        <v>72093562</v>
      </c>
      <c r="M1079" s="8">
        <v>72112912</v>
      </c>
      <c r="N1079" s="12">
        <v>1</v>
      </c>
    </row>
    <row r="1080" spans="1:14" ht="114" x14ac:dyDescent="0.2">
      <c r="A1080" s="8" t="s">
        <v>3278</v>
      </c>
      <c r="B1080" s="8">
        <v>0.109585034435378</v>
      </c>
      <c r="C1080" s="8">
        <v>6.6786351783975499</v>
      </c>
      <c r="D1080" s="8">
        <v>2.8203899852256802</v>
      </c>
      <c r="E1080" s="26">
        <v>1.01615656628778E-2</v>
      </c>
      <c r="F1080" s="8">
        <v>1.5673903241846001E-2</v>
      </c>
      <c r="G1080" s="8">
        <v>-5.2824922215632801</v>
      </c>
      <c r="H1080" s="8">
        <v>6294</v>
      </c>
      <c r="I1080" s="8" t="s">
        <v>3279</v>
      </c>
      <c r="J1080" s="11" t="s">
        <v>3280</v>
      </c>
      <c r="K1080" s="8">
        <v>19</v>
      </c>
      <c r="L1080" s="8">
        <v>5623035</v>
      </c>
      <c r="M1080" s="8">
        <v>5668478</v>
      </c>
      <c r="N1080" s="12">
        <v>1</v>
      </c>
    </row>
    <row r="1081" spans="1:14" ht="128.25" x14ac:dyDescent="0.2">
      <c r="A1081" s="8" t="s">
        <v>3281</v>
      </c>
      <c r="B1081" s="8">
        <v>0.15806837037667801</v>
      </c>
      <c r="C1081" s="8">
        <v>4.4474735736672697</v>
      </c>
      <c r="D1081" s="8">
        <v>2.8101815335274498</v>
      </c>
      <c r="E1081" s="26">
        <v>1.0398141299098501E-2</v>
      </c>
      <c r="F1081" s="8">
        <v>1.6010184781581598E-2</v>
      </c>
      <c r="G1081" s="8">
        <v>-4.95329493983684</v>
      </c>
      <c r="H1081" s="8">
        <v>10289</v>
      </c>
      <c r="I1081" s="8" t="s">
        <v>3282</v>
      </c>
      <c r="J1081" s="11" t="s">
        <v>3283</v>
      </c>
      <c r="K1081" s="8">
        <v>3</v>
      </c>
      <c r="L1081" s="8">
        <v>40309684</v>
      </c>
      <c r="M1081" s="8">
        <v>40312424</v>
      </c>
      <c r="N1081" s="12">
        <v>1</v>
      </c>
    </row>
    <row r="1082" spans="1:14" ht="142.5" x14ac:dyDescent="0.2">
      <c r="A1082" s="8" t="s">
        <v>3284</v>
      </c>
      <c r="B1082" s="8">
        <v>0.18399413293427699</v>
      </c>
      <c r="C1082" s="8">
        <v>5.9859229991750604</v>
      </c>
      <c r="D1082" s="8">
        <v>2.8055693670823501</v>
      </c>
      <c r="E1082" s="26">
        <v>1.05067382128685E-2</v>
      </c>
      <c r="F1082" s="8">
        <v>1.6168210433474401E-2</v>
      </c>
      <c r="G1082" s="8">
        <v>-5.2478177361053904</v>
      </c>
      <c r="H1082" s="8">
        <v>51154</v>
      </c>
      <c r="I1082" s="8" t="s">
        <v>3285</v>
      </c>
      <c r="J1082" s="11" t="s">
        <v>3286</v>
      </c>
      <c r="K1082" s="8">
        <v>1</v>
      </c>
      <c r="L1082" s="8">
        <v>19251539</v>
      </c>
      <c r="M1082" s="8">
        <v>19260128</v>
      </c>
      <c r="N1082" s="12">
        <v>1</v>
      </c>
    </row>
    <row r="1083" spans="1:14" ht="99.75" x14ac:dyDescent="0.2">
      <c r="A1083" s="8" t="s">
        <v>3287</v>
      </c>
      <c r="B1083" s="8">
        <v>-0.107491312398956</v>
      </c>
      <c r="C1083" s="8">
        <v>5.5577763841390704</v>
      </c>
      <c r="D1083" s="8">
        <v>-2.8018660870899099</v>
      </c>
      <c r="E1083" s="26">
        <v>1.05947156163839E-2</v>
      </c>
      <c r="F1083" s="8">
        <v>1.62903839128276E-2</v>
      </c>
      <c r="G1083" s="8">
        <v>-5.1911621548594997</v>
      </c>
      <c r="H1083" s="8">
        <v>55011</v>
      </c>
      <c r="I1083" s="8" t="s">
        <v>3288</v>
      </c>
      <c r="J1083" s="11" t="s">
        <v>3289</v>
      </c>
      <c r="K1083" s="8">
        <v>19</v>
      </c>
      <c r="L1083" s="8">
        <v>49446298</v>
      </c>
      <c r="M1083" s="8">
        <v>49453497</v>
      </c>
      <c r="N1083" s="12">
        <v>-1</v>
      </c>
    </row>
    <row r="1084" spans="1:14" ht="142.5" x14ac:dyDescent="0.2">
      <c r="A1084" s="8" t="s">
        <v>3290</v>
      </c>
      <c r="B1084" s="8">
        <v>0.18611775808876899</v>
      </c>
      <c r="C1084" s="8">
        <v>3.7607941798817199</v>
      </c>
      <c r="D1084" s="8">
        <v>2.7976289358375102</v>
      </c>
      <c r="E1084" s="26">
        <v>1.06962362746109E-2</v>
      </c>
      <c r="F1084" s="8">
        <v>1.64357132130429E-2</v>
      </c>
      <c r="G1084" s="8">
        <v>-4.80478013910444</v>
      </c>
      <c r="H1084" s="8">
        <v>51093</v>
      </c>
      <c r="I1084" s="8" t="s">
        <v>3291</v>
      </c>
      <c r="J1084" s="11" t="s">
        <v>3292</v>
      </c>
      <c r="K1084" s="8">
        <v>1</v>
      </c>
      <c r="L1084" s="8">
        <v>156728442</v>
      </c>
      <c r="M1084" s="8">
        <v>156736960</v>
      </c>
      <c r="N1084" s="12">
        <v>1</v>
      </c>
    </row>
    <row r="1085" spans="1:14" ht="156.75" x14ac:dyDescent="0.2">
      <c r="A1085" s="8" t="s">
        <v>3293</v>
      </c>
      <c r="B1085" s="8">
        <v>0.18959448965714401</v>
      </c>
      <c r="C1085" s="8">
        <v>5.3787713843507099</v>
      </c>
      <c r="D1085" s="8">
        <v>2.7924078098824099</v>
      </c>
      <c r="E1085" s="26">
        <v>1.0822606319546201E-2</v>
      </c>
      <c r="F1085" s="8">
        <v>1.6613865080571801E-2</v>
      </c>
      <c r="G1085" s="8">
        <v>-5.1864949554890103</v>
      </c>
      <c r="H1085" s="8">
        <v>51575</v>
      </c>
      <c r="I1085" s="8" t="s">
        <v>3294</v>
      </c>
      <c r="J1085" s="11" t="s">
        <v>3295</v>
      </c>
      <c r="K1085" s="8">
        <v>20</v>
      </c>
      <c r="L1085" s="8">
        <v>13714322</v>
      </c>
      <c r="M1085" s="8">
        <v>13784886</v>
      </c>
      <c r="N1085" s="12">
        <v>-1</v>
      </c>
    </row>
    <row r="1086" spans="1:14" ht="128.25" x14ac:dyDescent="0.2">
      <c r="A1086" s="8" t="s">
        <v>3296</v>
      </c>
      <c r="B1086" s="8">
        <v>0.11332710638806499</v>
      </c>
      <c r="C1086" s="8">
        <v>6.3069917039930798</v>
      </c>
      <c r="D1086" s="8">
        <v>2.77485088105924</v>
      </c>
      <c r="E1086" s="26">
        <v>1.1258047225155301E-2</v>
      </c>
      <c r="F1086" s="8">
        <v>1.7246041507246599E-2</v>
      </c>
      <c r="G1086" s="8">
        <v>-5.3480586462610296</v>
      </c>
      <c r="H1086" s="8">
        <v>10056</v>
      </c>
      <c r="I1086" s="8" t="s">
        <v>3297</v>
      </c>
      <c r="J1086" s="11" t="s">
        <v>3298</v>
      </c>
      <c r="K1086" s="8">
        <v>2</v>
      </c>
      <c r="L1086" s="8">
        <v>222570536</v>
      </c>
      <c r="M1086" s="8">
        <v>222656337</v>
      </c>
      <c r="N1086" s="12">
        <v>-1</v>
      </c>
    </row>
    <row r="1087" spans="1:14" ht="114" x14ac:dyDescent="0.2">
      <c r="A1087" s="8" t="s">
        <v>3299</v>
      </c>
      <c r="B1087" s="8">
        <v>0.13331710092530899</v>
      </c>
      <c r="C1087" s="8">
        <v>5.6629419761782698</v>
      </c>
      <c r="D1087" s="8">
        <v>2.7744225989811899</v>
      </c>
      <c r="E1087" s="26">
        <v>1.1268874674261501E-2</v>
      </c>
      <c r="F1087" s="8">
        <v>1.72542709935017E-2</v>
      </c>
      <c r="G1087" s="8">
        <v>-5.2701977513821801</v>
      </c>
      <c r="H1087" s="8">
        <v>65005</v>
      </c>
      <c r="I1087" s="8" t="s">
        <v>3300</v>
      </c>
      <c r="J1087" s="11" t="s">
        <v>3301</v>
      </c>
      <c r="K1087" s="8">
        <v>1</v>
      </c>
      <c r="L1087" s="8">
        <v>151759643</v>
      </c>
      <c r="M1087" s="8">
        <v>151763564</v>
      </c>
      <c r="N1087" s="12">
        <v>-1</v>
      </c>
    </row>
    <row r="1088" spans="1:14" ht="114" x14ac:dyDescent="0.2">
      <c r="A1088" s="8" t="s">
        <v>3302</v>
      </c>
      <c r="B1088" s="8">
        <v>0.188487355082327</v>
      </c>
      <c r="C1088" s="8">
        <v>3.43357659661616</v>
      </c>
      <c r="D1088" s="8">
        <v>2.7658624917583698</v>
      </c>
      <c r="E1088" s="26">
        <v>1.1487370833737E-2</v>
      </c>
      <c r="F1088" s="8">
        <v>1.75675587325189E-2</v>
      </c>
      <c r="G1088" s="8">
        <v>-4.78378445097034</v>
      </c>
      <c r="H1088" s="8">
        <v>51121</v>
      </c>
      <c r="I1088" s="8" t="s">
        <v>3303</v>
      </c>
      <c r="J1088" s="11" t="s">
        <v>3304</v>
      </c>
      <c r="K1088" s="8">
        <v>5</v>
      </c>
      <c r="L1088" s="8">
        <v>172958729</v>
      </c>
      <c r="M1088" s="8">
        <v>172969771</v>
      </c>
      <c r="N1088" s="12">
        <v>1</v>
      </c>
    </row>
    <row r="1089" spans="1:14" ht="128.25" x14ac:dyDescent="0.2">
      <c r="A1089" s="8" t="s">
        <v>3305</v>
      </c>
      <c r="B1089" s="8">
        <v>-0.147331165595873</v>
      </c>
      <c r="C1089" s="8">
        <v>5.9952976065466901</v>
      </c>
      <c r="D1089" s="8">
        <v>-2.7649690816884198</v>
      </c>
      <c r="E1089" s="26">
        <v>1.15104056509489E-2</v>
      </c>
      <c r="F1089" s="8">
        <v>1.7598531102002799E-2</v>
      </c>
      <c r="G1089" s="8">
        <v>-5.3313508365442903</v>
      </c>
      <c r="H1089" s="8" t="s">
        <v>3306</v>
      </c>
      <c r="I1089" s="8" t="s">
        <v>3307</v>
      </c>
      <c r="J1089" s="11" t="s">
        <v>3308</v>
      </c>
      <c r="K1089" s="8">
        <v>8</v>
      </c>
      <c r="L1089" s="8">
        <v>144393229</v>
      </c>
      <c r="M1089" s="8">
        <v>144409349</v>
      </c>
      <c r="N1089" s="12">
        <v>-1</v>
      </c>
    </row>
    <row r="1090" spans="1:14" ht="142.5" x14ac:dyDescent="0.2">
      <c r="A1090" s="8" t="s">
        <v>3309</v>
      </c>
      <c r="B1090" s="8">
        <v>-8.2029111841542601E-2</v>
      </c>
      <c r="C1090" s="8">
        <v>8.3434676717657101</v>
      </c>
      <c r="D1090" s="8">
        <v>-2.76004928636854</v>
      </c>
      <c r="E1090" s="26">
        <v>1.16380410556833E-2</v>
      </c>
      <c r="F1090" s="8">
        <v>1.7786510841080998E-2</v>
      </c>
      <c r="G1090" s="8">
        <v>-5.5102076966375204</v>
      </c>
      <c r="H1090" s="8">
        <v>27044</v>
      </c>
      <c r="I1090" s="8" t="s">
        <v>3310</v>
      </c>
      <c r="J1090" s="11" t="s">
        <v>3311</v>
      </c>
      <c r="K1090" s="8">
        <v>7</v>
      </c>
      <c r="L1090" s="8">
        <v>127652180</v>
      </c>
      <c r="M1090" s="8">
        <v>128092609</v>
      </c>
      <c r="N1090" s="12">
        <v>1</v>
      </c>
    </row>
    <row r="1091" spans="1:14" ht="142.5" x14ac:dyDescent="0.2">
      <c r="A1091" s="8" t="s">
        <v>3312</v>
      </c>
      <c r="B1091" s="8">
        <v>0.16435958983789001</v>
      </c>
      <c r="C1091" s="8">
        <v>4.2737726369140798</v>
      </c>
      <c r="D1091" s="8">
        <v>2.7584762170275399</v>
      </c>
      <c r="E1091" s="26">
        <v>1.16791344036987E-2</v>
      </c>
      <c r="F1091" s="8">
        <v>1.7846439615024599E-2</v>
      </c>
      <c r="G1091" s="8">
        <v>-5.0211477096654198</v>
      </c>
      <c r="H1091" s="8">
        <v>64852</v>
      </c>
      <c r="I1091" s="8" t="s">
        <v>3313</v>
      </c>
      <c r="J1091" s="11" t="s">
        <v>3314</v>
      </c>
      <c r="K1091" s="8">
        <v>11</v>
      </c>
      <c r="L1091" s="8">
        <v>62575045</v>
      </c>
      <c r="M1091" s="8">
        <v>62592177</v>
      </c>
      <c r="N1091" s="12">
        <v>-1</v>
      </c>
    </row>
    <row r="1092" spans="1:14" ht="114" x14ac:dyDescent="0.2">
      <c r="A1092" s="8" t="s">
        <v>3315</v>
      </c>
      <c r="B1092" s="8">
        <v>0.109503190588267</v>
      </c>
      <c r="C1092" s="8">
        <v>6.9764838644110396</v>
      </c>
      <c r="D1092" s="8">
        <v>2.7509857636676198</v>
      </c>
      <c r="E1092" s="26">
        <v>1.18767050414013E-2</v>
      </c>
      <c r="F1092" s="8">
        <v>1.8120964170980299E-2</v>
      </c>
      <c r="G1092" s="8">
        <v>-5.4514607484885902</v>
      </c>
      <c r="H1092" s="8">
        <v>4686</v>
      </c>
      <c r="I1092" s="8" t="s">
        <v>3316</v>
      </c>
      <c r="J1092" s="11" t="s">
        <v>3317</v>
      </c>
      <c r="K1092" s="8">
        <v>9</v>
      </c>
      <c r="L1092" s="8">
        <v>97633626</v>
      </c>
      <c r="M1092" s="8">
        <v>97673748</v>
      </c>
      <c r="N1092" s="12">
        <v>1</v>
      </c>
    </row>
    <row r="1093" spans="1:14" ht="99.75" x14ac:dyDescent="0.2">
      <c r="A1093" s="8" t="s">
        <v>3318</v>
      </c>
      <c r="B1093" s="8">
        <v>0.114455634831703</v>
      </c>
      <c r="C1093" s="8">
        <v>5.8192138146064796</v>
      </c>
      <c r="D1093" s="8">
        <v>2.74852243399032</v>
      </c>
      <c r="E1093" s="26">
        <v>1.19423690121899E-2</v>
      </c>
      <c r="F1093" s="8">
        <v>1.8213480410216799E-2</v>
      </c>
      <c r="G1093" s="8">
        <v>-5.3474383394954303</v>
      </c>
      <c r="H1093" s="8">
        <v>5436</v>
      </c>
      <c r="I1093" s="8" t="s">
        <v>3319</v>
      </c>
      <c r="J1093" s="11" t="s">
        <v>3320</v>
      </c>
      <c r="K1093" s="8">
        <v>11</v>
      </c>
      <c r="L1093" s="8">
        <v>62761544</v>
      </c>
      <c r="M1093" s="8">
        <v>62766710</v>
      </c>
      <c r="N1093" s="12">
        <v>1</v>
      </c>
    </row>
    <row r="1094" spans="1:14" ht="128.25" x14ac:dyDescent="0.2">
      <c r="A1094" s="8" t="s">
        <v>3321</v>
      </c>
      <c r="B1094" s="8">
        <v>0.126968168747567</v>
      </c>
      <c r="C1094" s="8">
        <v>9.0150276231626307</v>
      </c>
      <c r="D1094" s="8">
        <v>2.74523565781046</v>
      </c>
      <c r="E1094" s="26">
        <v>1.20305200012184E-2</v>
      </c>
      <c r="F1094" s="8">
        <v>1.8340550936947499E-2</v>
      </c>
      <c r="G1094" s="8">
        <v>-5.5748441550879599</v>
      </c>
      <c r="H1094" s="8">
        <v>1981</v>
      </c>
      <c r="I1094" s="8" t="s">
        <v>3322</v>
      </c>
      <c r="J1094" s="11" t="s">
        <v>3323</v>
      </c>
      <c r="K1094" s="8">
        <v>3</v>
      </c>
      <c r="L1094" s="8">
        <v>184314495</v>
      </c>
      <c r="M1094" s="8">
        <v>184335358</v>
      </c>
      <c r="N1094" s="12">
        <v>1</v>
      </c>
    </row>
    <row r="1095" spans="1:14" ht="114" x14ac:dyDescent="0.2">
      <c r="A1095" s="8" t="s">
        <v>3324</v>
      </c>
      <c r="B1095" s="8">
        <v>0.105038030138248</v>
      </c>
      <c r="C1095" s="8">
        <v>7.9356430659465902</v>
      </c>
      <c r="D1095" s="8">
        <v>2.7446681572540399</v>
      </c>
      <c r="E1095" s="26">
        <v>1.20458026812065E-2</v>
      </c>
      <c r="F1095" s="8">
        <v>1.8362374285585601E-2</v>
      </c>
      <c r="G1095" s="8">
        <v>-5.5217530159057997</v>
      </c>
      <c r="H1095" s="8">
        <v>3178</v>
      </c>
      <c r="I1095" s="8" t="s">
        <v>3325</v>
      </c>
      <c r="J1095" s="11" t="s">
        <v>3326</v>
      </c>
      <c r="K1095" s="8">
        <v>12</v>
      </c>
      <c r="L1095" s="8">
        <v>54280193</v>
      </c>
      <c r="M1095" s="8">
        <v>54287088</v>
      </c>
      <c r="N1095" s="12">
        <v>1</v>
      </c>
    </row>
    <row r="1096" spans="1:14" ht="142.5" x14ac:dyDescent="0.2">
      <c r="A1096" s="8" t="s">
        <v>3327</v>
      </c>
      <c r="B1096" s="8">
        <v>0.14521917509253399</v>
      </c>
      <c r="C1096" s="8">
        <v>4.4087931746214402</v>
      </c>
      <c r="D1096" s="8">
        <v>2.7429602206609101</v>
      </c>
      <c r="E1096" s="26">
        <v>1.20919083090982E-2</v>
      </c>
      <c r="F1096" s="8">
        <v>1.84267360460738E-2</v>
      </c>
      <c r="G1096" s="8">
        <v>-5.0870317112013197</v>
      </c>
      <c r="H1096" s="8">
        <v>10978</v>
      </c>
      <c r="I1096" s="8" t="s">
        <v>3328</v>
      </c>
      <c r="J1096" s="11" t="s">
        <v>3329</v>
      </c>
      <c r="K1096" s="8">
        <v>11</v>
      </c>
      <c r="L1096" s="8">
        <v>57648992</v>
      </c>
      <c r="M1096" s="8">
        <v>57661868</v>
      </c>
      <c r="N1096" s="12">
        <v>1</v>
      </c>
    </row>
    <row r="1097" spans="1:14" ht="99.75" x14ac:dyDescent="0.2">
      <c r="A1097" s="8" t="s">
        <v>3330</v>
      </c>
      <c r="B1097" s="8">
        <v>9.5087216181525505E-2</v>
      </c>
      <c r="C1097" s="8">
        <v>8.5950577580778198</v>
      </c>
      <c r="D1097" s="8">
        <v>2.7403951879267501</v>
      </c>
      <c r="E1097" s="26">
        <v>1.2161465860091199E-2</v>
      </c>
      <c r="F1097" s="8">
        <v>1.8526783144171999E-2</v>
      </c>
      <c r="G1097" s="8">
        <v>-5.5656602846377599</v>
      </c>
      <c r="H1097" s="8">
        <v>4736</v>
      </c>
      <c r="I1097" s="8" t="s">
        <v>3331</v>
      </c>
      <c r="J1097" s="11" t="s">
        <v>3332</v>
      </c>
      <c r="K1097" s="8">
        <v>6</v>
      </c>
      <c r="L1097" s="8">
        <v>35468408</v>
      </c>
      <c r="M1097" s="8">
        <v>35470785</v>
      </c>
      <c r="N1097" s="12">
        <v>1</v>
      </c>
    </row>
    <row r="1098" spans="1:14" ht="114" x14ac:dyDescent="0.2">
      <c r="A1098" s="8" t="s">
        <v>3333</v>
      </c>
      <c r="B1098" s="8">
        <v>0.11997502768674199</v>
      </c>
      <c r="C1098" s="8">
        <v>5.2727192770483899</v>
      </c>
      <c r="D1098" s="8">
        <v>2.7368857641498101</v>
      </c>
      <c r="E1098" s="26">
        <v>1.22572481773284E-2</v>
      </c>
      <c r="F1098" s="8">
        <v>1.8663708469963899E-2</v>
      </c>
      <c r="G1098" s="8">
        <v>-5.28484051279636</v>
      </c>
      <c r="H1098" s="8">
        <v>57570</v>
      </c>
      <c r="I1098" s="8" t="s">
        <v>3334</v>
      </c>
      <c r="J1098" s="11" t="s">
        <v>3335</v>
      </c>
      <c r="K1098" s="8">
        <v>14</v>
      </c>
      <c r="L1098" s="8">
        <v>60971451</v>
      </c>
      <c r="M1098" s="8">
        <v>60981358</v>
      </c>
      <c r="N1098" s="12">
        <v>-1</v>
      </c>
    </row>
    <row r="1099" spans="1:14" ht="128.25" x14ac:dyDescent="0.2">
      <c r="A1099" s="8" t="s">
        <v>3336</v>
      </c>
      <c r="B1099" s="8">
        <v>-9.5238457871985802E-2</v>
      </c>
      <c r="C1099" s="8">
        <v>7.6756672544619899</v>
      </c>
      <c r="D1099" s="8">
        <v>-2.7365905383445801</v>
      </c>
      <c r="E1099" s="26">
        <v>1.2265338288473799E-2</v>
      </c>
      <c r="F1099" s="8">
        <v>1.86730304613211E-2</v>
      </c>
      <c r="G1099" s="8">
        <v>-5.5231339647575801</v>
      </c>
      <c r="H1099" s="8">
        <v>6430</v>
      </c>
      <c r="I1099" s="8" t="s">
        <v>3337</v>
      </c>
      <c r="J1099" s="11" t="s">
        <v>3338</v>
      </c>
      <c r="K1099" s="8">
        <v>14</v>
      </c>
      <c r="L1099" s="8">
        <v>69726900</v>
      </c>
      <c r="M1099" s="8">
        <v>69772005</v>
      </c>
      <c r="N1099" s="12">
        <v>1</v>
      </c>
    </row>
    <row r="1100" spans="1:14" ht="114" x14ac:dyDescent="0.2">
      <c r="A1100" s="8" t="s">
        <v>3339</v>
      </c>
      <c r="B1100" s="8">
        <v>-0.13205287156869699</v>
      </c>
      <c r="C1100" s="8">
        <v>6.5630816042782198</v>
      </c>
      <c r="D1100" s="8">
        <v>-2.7352561826502102</v>
      </c>
      <c r="E1100" s="26">
        <v>1.23019670259425E-2</v>
      </c>
      <c r="F1100" s="8">
        <v>1.8725790346619999E-2</v>
      </c>
      <c r="G1100" s="8">
        <v>-5.4528851753873804</v>
      </c>
      <c r="H1100" s="8">
        <v>6727</v>
      </c>
      <c r="I1100" s="8" t="s">
        <v>3340</v>
      </c>
      <c r="J1100" s="11" t="s">
        <v>3341</v>
      </c>
      <c r="K1100" s="8">
        <v>15</v>
      </c>
      <c r="L1100" s="8">
        <v>40035739</v>
      </c>
      <c r="M1100" s="8">
        <v>40039188</v>
      </c>
      <c r="N1100" s="12">
        <v>-1</v>
      </c>
    </row>
    <row r="1101" spans="1:14" ht="99.75" x14ac:dyDescent="0.2">
      <c r="A1101" s="8" t="s">
        <v>3342</v>
      </c>
      <c r="B1101" s="8">
        <v>-0.102494953655621</v>
      </c>
      <c r="C1101" s="8">
        <v>6.35029367701173</v>
      </c>
      <c r="D1101" s="8">
        <v>-2.7280372020788799</v>
      </c>
      <c r="E1101" s="26">
        <v>1.2501937090783601E-2</v>
      </c>
      <c r="F1101" s="8">
        <v>1.9005788686357501E-2</v>
      </c>
      <c r="G1101" s="8">
        <v>-5.4493973807617202</v>
      </c>
      <c r="H1101" s="8">
        <v>9513</v>
      </c>
      <c r="I1101" s="8" t="s">
        <v>3343</v>
      </c>
      <c r="J1101" s="11" t="s">
        <v>3344</v>
      </c>
      <c r="K1101" s="8">
        <v>17</v>
      </c>
      <c r="L1101" s="8">
        <v>7591230</v>
      </c>
      <c r="M1101" s="8">
        <v>7614871</v>
      </c>
      <c r="N1101" s="12">
        <v>-1</v>
      </c>
    </row>
    <row r="1102" spans="1:14" ht="142.5" x14ac:dyDescent="0.2">
      <c r="A1102" s="8" t="s">
        <v>3345</v>
      </c>
      <c r="B1102" s="8">
        <v>0.17371515767441201</v>
      </c>
      <c r="C1102" s="8">
        <v>4.3408408382744001</v>
      </c>
      <c r="D1102" s="8">
        <v>2.72736582428904</v>
      </c>
      <c r="E1102" s="26">
        <v>1.2520690474405301E-2</v>
      </c>
      <c r="F1102" s="8">
        <v>1.9032773400575902E-2</v>
      </c>
      <c r="G1102" s="8">
        <v>-5.1040217076968002</v>
      </c>
      <c r="H1102" s="8">
        <v>79693</v>
      </c>
      <c r="I1102" s="8" t="s">
        <v>3346</v>
      </c>
      <c r="J1102" s="11" t="s">
        <v>3347</v>
      </c>
      <c r="K1102" s="8">
        <v>1</v>
      </c>
      <c r="L1102" s="8">
        <v>37802944</v>
      </c>
      <c r="M1102" s="8">
        <v>37808185</v>
      </c>
      <c r="N1102" s="12">
        <v>-1</v>
      </c>
    </row>
    <row r="1103" spans="1:14" ht="156.75" x14ac:dyDescent="0.2">
      <c r="A1103" s="8" t="s">
        <v>3348</v>
      </c>
      <c r="B1103" s="8">
        <v>8.99119784265556E-2</v>
      </c>
      <c r="C1103" s="8">
        <v>7.32079827297368</v>
      </c>
      <c r="D1103" s="8">
        <v>2.7263469977628501</v>
      </c>
      <c r="E1103" s="26">
        <v>1.2549199978044301E-2</v>
      </c>
      <c r="F1103" s="8">
        <v>1.9074582938193599E-2</v>
      </c>
      <c r="G1103" s="8">
        <v>-5.5250734176566301</v>
      </c>
      <c r="H1103" s="8">
        <v>26065</v>
      </c>
      <c r="I1103" s="8" t="s">
        <v>3349</v>
      </c>
      <c r="J1103" s="11" t="s">
        <v>3350</v>
      </c>
      <c r="K1103" s="8">
        <v>19</v>
      </c>
      <c r="L1103" s="8">
        <v>34172504</v>
      </c>
      <c r="M1103" s="8">
        <v>34229515</v>
      </c>
      <c r="N1103" s="12">
        <v>1</v>
      </c>
    </row>
    <row r="1104" spans="1:14" ht="128.25" x14ac:dyDescent="0.2">
      <c r="A1104" s="8" t="s">
        <v>3351</v>
      </c>
      <c r="B1104" s="8">
        <v>0.20833299789589599</v>
      </c>
      <c r="C1104" s="8">
        <v>3.77094248931644</v>
      </c>
      <c r="D1104" s="8">
        <v>2.7096939775811899</v>
      </c>
      <c r="E1104" s="26">
        <v>1.30240064656869E-2</v>
      </c>
      <c r="F1104" s="8">
        <v>1.9755141131751398E-2</v>
      </c>
      <c r="G1104" s="8">
        <v>-4.9947329402493299</v>
      </c>
      <c r="H1104" s="8">
        <v>64216</v>
      </c>
      <c r="I1104" s="8" t="s">
        <v>3352</v>
      </c>
      <c r="J1104" s="11" t="s">
        <v>3353</v>
      </c>
      <c r="K1104" s="8">
        <v>1</v>
      </c>
      <c r="L1104" s="8">
        <v>246540560</v>
      </c>
      <c r="M1104" s="8">
        <v>246566324</v>
      </c>
      <c r="N1104" s="12">
        <v>-1</v>
      </c>
    </row>
    <row r="1105" spans="1:14" ht="114" x14ac:dyDescent="0.2">
      <c r="A1105" s="8" t="s">
        <v>3354</v>
      </c>
      <c r="B1105" s="8">
        <v>-0.111292328254669</v>
      </c>
      <c r="C1105" s="8">
        <v>7.1113548642077102</v>
      </c>
      <c r="D1105" s="8">
        <v>-2.7000982640062801</v>
      </c>
      <c r="E1105" s="26">
        <v>1.33052712191931E-2</v>
      </c>
      <c r="F1105" s="8">
        <v>2.0154384732329798E-2</v>
      </c>
      <c r="G1105" s="8">
        <v>-5.56635092309432</v>
      </c>
      <c r="H1105" s="8" t="s">
        <v>3355</v>
      </c>
      <c r="I1105" s="8" t="s">
        <v>3356</v>
      </c>
      <c r="J1105" s="11" t="s">
        <v>3357</v>
      </c>
      <c r="K1105" s="8">
        <v>19</v>
      </c>
      <c r="L1105" s="8">
        <v>6413348</v>
      </c>
      <c r="M1105" s="8">
        <v>6424794</v>
      </c>
      <c r="N1105" s="12">
        <v>-1</v>
      </c>
    </row>
    <row r="1106" spans="1:14" ht="71.25" x14ac:dyDescent="0.2">
      <c r="A1106" s="8" t="s">
        <v>3358</v>
      </c>
      <c r="B1106" s="8">
        <v>0.110156182843701</v>
      </c>
      <c r="C1106" s="8">
        <v>8.7557040896589999</v>
      </c>
      <c r="D1106" s="8">
        <v>2.6792492166891302</v>
      </c>
      <c r="E1106" s="26">
        <v>1.3936322172319399E-2</v>
      </c>
      <c r="F1106" s="8">
        <v>2.10414182404411E-2</v>
      </c>
      <c r="G1106" s="8">
        <v>-5.7024213783434403</v>
      </c>
      <c r="H1106" s="8">
        <v>3842</v>
      </c>
      <c r="I1106" s="8" t="s">
        <v>3359</v>
      </c>
      <c r="J1106" s="11" t="s">
        <v>3360</v>
      </c>
      <c r="K1106" s="8">
        <v>5</v>
      </c>
      <c r="L1106" s="8">
        <v>72816312</v>
      </c>
      <c r="M1106" s="8">
        <v>72916733</v>
      </c>
      <c r="N1106" s="12">
        <v>1</v>
      </c>
    </row>
    <row r="1107" spans="1:14" ht="99.75" x14ac:dyDescent="0.2">
      <c r="A1107" s="8" t="s">
        <v>3361</v>
      </c>
      <c r="B1107" s="8">
        <v>-0.11294130092740901</v>
      </c>
      <c r="C1107" s="8">
        <v>6.6733969559330601</v>
      </c>
      <c r="D1107" s="8">
        <v>-2.66585547871721</v>
      </c>
      <c r="E1107" s="26">
        <v>1.4356531896918099E-2</v>
      </c>
      <c r="F1107" s="8">
        <v>2.1650024301320299E-2</v>
      </c>
      <c r="G1107" s="8">
        <v>-5.60801077353827</v>
      </c>
      <c r="H1107" s="8">
        <v>8241</v>
      </c>
      <c r="I1107" s="8" t="s">
        <v>3362</v>
      </c>
      <c r="J1107" s="11" t="s">
        <v>3363</v>
      </c>
      <c r="K1107" s="8" t="s">
        <v>108</v>
      </c>
      <c r="L1107" s="8">
        <v>47144869</v>
      </c>
      <c r="M1107" s="8">
        <v>47186813</v>
      </c>
      <c r="N1107" s="12">
        <v>1</v>
      </c>
    </row>
    <row r="1108" spans="1:14" ht="156.75" x14ac:dyDescent="0.2">
      <c r="A1108" s="8" t="s">
        <v>3364</v>
      </c>
      <c r="B1108" s="8">
        <v>-0.11646199218820601</v>
      </c>
      <c r="C1108" s="8">
        <v>6.05306407281281</v>
      </c>
      <c r="D1108" s="8">
        <v>-2.6634095212461499</v>
      </c>
      <c r="E1108" s="26">
        <v>1.4434551226115901E-2</v>
      </c>
      <c r="F1108" s="8">
        <v>2.1762205691723699E-2</v>
      </c>
      <c r="G1108" s="8">
        <v>-5.5532425646486896</v>
      </c>
      <c r="H1108" s="8">
        <v>84365</v>
      </c>
      <c r="I1108" s="8" t="s">
        <v>3365</v>
      </c>
      <c r="J1108" s="11" t="s">
        <v>3366</v>
      </c>
      <c r="K1108" s="8">
        <v>2</v>
      </c>
      <c r="L1108" s="8">
        <v>121726945</v>
      </c>
      <c r="M1108" s="8">
        <v>121736923</v>
      </c>
      <c r="N1108" s="12">
        <v>-1</v>
      </c>
    </row>
    <row r="1109" spans="1:14" ht="114" x14ac:dyDescent="0.2">
      <c r="A1109" s="8" t="s">
        <v>3367</v>
      </c>
      <c r="B1109" s="8">
        <v>-0.11303475006533199</v>
      </c>
      <c r="C1109" s="8">
        <v>6.1328520042264802</v>
      </c>
      <c r="D1109" s="8">
        <v>-2.6582740104210401</v>
      </c>
      <c r="E1109" s="26">
        <v>1.45996643457952E-2</v>
      </c>
      <c r="F1109" s="8">
        <v>2.1993953345253298E-2</v>
      </c>
      <c r="G1109" s="8">
        <v>-5.5732409319394902</v>
      </c>
      <c r="H1109" s="8">
        <v>10209</v>
      </c>
      <c r="I1109" s="8" t="s">
        <v>3368</v>
      </c>
      <c r="J1109" s="11" t="s">
        <v>3369</v>
      </c>
      <c r="K1109" s="8">
        <v>17</v>
      </c>
      <c r="L1109" s="8">
        <v>41688885</v>
      </c>
      <c r="M1109" s="8">
        <v>41692668</v>
      </c>
      <c r="N1109" s="12">
        <v>1</v>
      </c>
    </row>
    <row r="1110" spans="1:14" ht="99.75" x14ac:dyDescent="0.2">
      <c r="A1110" s="8" t="s">
        <v>3370</v>
      </c>
      <c r="B1110" s="8">
        <v>0.13927270650478801</v>
      </c>
      <c r="C1110" s="8">
        <v>5.2813647213110002</v>
      </c>
      <c r="D1110" s="8">
        <v>2.6573276633887701</v>
      </c>
      <c r="E1110" s="26">
        <v>1.4630284463202E-2</v>
      </c>
      <c r="F1110" s="8">
        <v>2.2036582923897499E-2</v>
      </c>
      <c r="G1110" s="8">
        <v>-5.4540563945856704</v>
      </c>
      <c r="H1110" s="8">
        <v>23016</v>
      </c>
      <c r="I1110" s="8" t="s">
        <v>3371</v>
      </c>
      <c r="J1110" s="11" t="s">
        <v>3372</v>
      </c>
      <c r="K1110" s="8">
        <v>3</v>
      </c>
      <c r="L1110" s="8">
        <v>44975241</v>
      </c>
      <c r="M1110" s="8">
        <v>45036066</v>
      </c>
      <c r="N1110" s="12">
        <v>1</v>
      </c>
    </row>
    <row r="1111" spans="1:14" ht="99.75" x14ac:dyDescent="0.2">
      <c r="A1111" s="8" t="s">
        <v>3373</v>
      </c>
      <c r="B1111" s="8">
        <v>-9.1178707265365602E-2</v>
      </c>
      <c r="C1111" s="8">
        <v>8.1178127431965699</v>
      </c>
      <c r="D1111" s="8">
        <v>-2.6441377480204702</v>
      </c>
      <c r="E1111" s="26">
        <v>1.50634168133921E-2</v>
      </c>
      <c r="F1111" s="8">
        <v>2.2640461022314502E-2</v>
      </c>
      <c r="G1111" s="8">
        <v>-5.7421910761612098</v>
      </c>
      <c r="H1111" s="8">
        <v>64397</v>
      </c>
      <c r="I1111" s="8" t="s">
        <v>3374</v>
      </c>
      <c r="J1111" s="11" t="s">
        <v>3375</v>
      </c>
      <c r="K1111" s="8">
        <v>15</v>
      </c>
      <c r="L1111" s="8">
        <v>42412823</v>
      </c>
      <c r="M1111" s="8">
        <v>42491123</v>
      </c>
      <c r="N1111" s="12">
        <v>-1</v>
      </c>
    </row>
    <row r="1112" spans="1:14" ht="99.75" x14ac:dyDescent="0.2">
      <c r="A1112" s="8" t="s">
        <v>3376</v>
      </c>
      <c r="B1112" s="8">
        <v>0.124729247093204</v>
      </c>
      <c r="C1112" s="8">
        <v>5.0264027209404398</v>
      </c>
      <c r="D1112" s="8">
        <v>2.63932189876502</v>
      </c>
      <c r="E1112" s="26">
        <v>1.5224552806156999E-2</v>
      </c>
      <c r="F1112" s="8">
        <v>2.2860922503753899E-2</v>
      </c>
      <c r="G1112" s="8">
        <v>-5.4424891650176104</v>
      </c>
      <c r="H1112" s="8">
        <v>51163</v>
      </c>
      <c r="I1112" s="8" t="s">
        <v>3377</v>
      </c>
      <c r="J1112" s="11" t="s">
        <v>3378</v>
      </c>
      <c r="K1112" s="8">
        <v>3</v>
      </c>
      <c r="L1112" s="8">
        <v>138161012</v>
      </c>
      <c r="M1112" s="8">
        <v>138174949</v>
      </c>
      <c r="N1112" s="12">
        <v>-1</v>
      </c>
    </row>
    <row r="1113" spans="1:14" ht="171" x14ac:dyDescent="0.2">
      <c r="A1113" s="8" t="s">
        <v>3379</v>
      </c>
      <c r="B1113" s="8">
        <v>0.16201091315867699</v>
      </c>
      <c r="C1113" s="8">
        <v>5.70890869010604</v>
      </c>
      <c r="D1113" s="8">
        <v>2.6355791139701998</v>
      </c>
      <c r="E1113" s="26">
        <v>1.53509052826248E-2</v>
      </c>
      <c r="F1113" s="8">
        <v>2.30269646311256E-2</v>
      </c>
      <c r="G1113" s="8">
        <v>-5.5698102238530396</v>
      </c>
      <c r="H1113" s="8">
        <v>23082</v>
      </c>
      <c r="I1113" s="8" t="s">
        <v>3380</v>
      </c>
      <c r="J1113" s="11" t="s">
        <v>3381</v>
      </c>
      <c r="K1113" s="8">
        <v>10</v>
      </c>
      <c r="L1113" s="8">
        <v>102132994</v>
      </c>
      <c r="M1113" s="8">
        <v>102150331</v>
      </c>
      <c r="N1113" s="12">
        <v>1</v>
      </c>
    </row>
    <row r="1114" spans="1:14" ht="114" x14ac:dyDescent="0.2">
      <c r="A1114" s="8" t="s">
        <v>3382</v>
      </c>
      <c r="B1114" s="8">
        <v>-0.160982099497567</v>
      </c>
      <c r="C1114" s="8">
        <v>4.6528453862309496</v>
      </c>
      <c r="D1114" s="8">
        <v>-2.6334310766217501</v>
      </c>
      <c r="E1114" s="26">
        <v>1.54238664566053E-2</v>
      </c>
      <c r="F1114" s="8">
        <v>2.3127268785319101E-2</v>
      </c>
      <c r="G1114" s="8">
        <v>-5.3671552962984901</v>
      </c>
      <c r="H1114" s="8">
        <v>25996</v>
      </c>
      <c r="I1114" s="8" t="s">
        <v>3383</v>
      </c>
      <c r="J1114" s="11" t="s">
        <v>3384</v>
      </c>
      <c r="K1114" s="8">
        <v>11</v>
      </c>
      <c r="L1114" s="8">
        <v>114439386</v>
      </c>
      <c r="M1114" s="8">
        <v>114450279</v>
      </c>
      <c r="N1114" s="12">
        <v>1</v>
      </c>
    </row>
    <row r="1115" spans="1:14" ht="128.25" x14ac:dyDescent="0.2">
      <c r="A1115" s="8" t="s">
        <v>3385</v>
      </c>
      <c r="B1115" s="8">
        <v>0.19724191921484299</v>
      </c>
      <c r="C1115" s="8">
        <v>3.3076299739464301</v>
      </c>
      <c r="D1115" s="8">
        <v>2.6317813743630598</v>
      </c>
      <c r="E1115" s="26">
        <v>1.54801226855137E-2</v>
      </c>
      <c r="F1115" s="8">
        <v>2.3204288167692998E-2</v>
      </c>
      <c r="G1115" s="8">
        <v>-5.0312449936630097</v>
      </c>
      <c r="H1115" s="8">
        <v>124790</v>
      </c>
      <c r="I1115" s="8" t="s">
        <v>3386</v>
      </c>
      <c r="J1115" s="11" t="s">
        <v>3387</v>
      </c>
      <c r="K1115" s="8">
        <v>17</v>
      </c>
      <c r="L1115" s="8">
        <v>45160700</v>
      </c>
      <c r="M1115" s="8">
        <v>45170040</v>
      </c>
      <c r="N1115" s="12">
        <v>1</v>
      </c>
    </row>
    <row r="1116" spans="1:14" ht="142.5" x14ac:dyDescent="0.2">
      <c r="A1116" s="8" t="s">
        <v>3388</v>
      </c>
      <c r="B1116" s="8">
        <v>0.107225610055351</v>
      </c>
      <c r="C1116" s="8">
        <v>6.5564808345305199</v>
      </c>
      <c r="D1116" s="8">
        <v>2.6311494066257102</v>
      </c>
      <c r="E1116" s="26">
        <v>1.55017244870703E-2</v>
      </c>
      <c r="F1116" s="8">
        <v>2.3232998388179899E-2</v>
      </c>
      <c r="G1116" s="8">
        <v>-5.6730940911821497</v>
      </c>
      <c r="H1116" s="8">
        <v>23512</v>
      </c>
      <c r="I1116" s="8" t="s">
        <v>3389</v>
      </c>
      <c r="J1116" s="11" t="s">
        <v>3390</v>
      </c>
      <c r="K1116" s="8">
        <v>17</v>
      </c>
      <c r="L1116" s="8">
        <v>31937018</v>
      </c>
      <c r="M1116" s="8">
        <v>32001045</v>
      </c>
      <c r="N1116" s="12">
        <v>1</v>
      </c>
    </row>
    <row r="1117" spans="1:14" ht="114" x14ac:dyDescent="0.2">
      <c r="A1117" s="8" t="s">
        <v>3391</v>
      </c>
      <c r="B1117" s="8">
        <v>0.117067162175875</v>
      </c>
      <c r="C1117" s="8">
        <v>6.1030475090593104</v>
      </c>
      <c r="D1117" s="8">
        <v>2.6244058360234299</v>
      </c>
      <c r="E1117" s="26">
        <v>1.5734007093111901E-2</v>
      </c>
      <c r="F1117" s="8">
        <v>2.3553226520942199E-2</v>
      </c>
      <c r="G1117" s="8">
        <v>-5.6432069008368098</v>
      </c>
      <c r="H1117" s="8">
        <v>55226</v>
      </c>
      <c r="I1117" s="8" t="s">
        <v>3392</v>
      </c>
      <c r="J1117" s="11" t="s">
        <v>3393</v>
      </c>
      <c r="K1117" s="8">
        <v>11</v>
      </c>
      <c r="L1117" s="8">
        <v>34105602</v>
      </c>
      <c r="M1117" s="8">
        <v>34147670</v>
      </c>
      <c r="N1117" s="12">
        <v>1</v>
      </c>
    </row>
    <row r="1118" spans="1:14" ht="114" x14ac:dyDescent="0.2">
      <c r="A1118" s="8" t="s">
        <v>3394</v>
      </c>
      <c r="B1118" s="8">
        <v>0.16148957908519501</v>
      </c>
      <c r="C1118" s="8">
        <v>4.7902158828869403</v>
      </c>
      <c r="D1118" s="8">
        <v>2.62357016455474</v>
      </c>
      <c r="E1118" s="26">
        <v>1.5763019058995902E-2</v>
      </c>
      <c r="F1118" s="8">
        <v>2.3589213207362601E-2</v>
      </c>
      <c r="G1118" s="8">
        <v>-5.4262677595046096</v>
      </c>
      <c r="H1118" s="8">
        <v>56931</v>
      </c>
      <c r="I1118" s="8" t="s">
        <v>3395</v>
      </c>
      <c r="J1118" s="11" t="s">
        <v>3396</v>
      </c>
      <c r="K1118" s="8">
        <v>19</v>
      </c>
      <c r="L1118" s="8">
        <v>5784832</v>
      </c>
      <c r="M1118" s="8">
        <v>5791238</v>
      </c>
      <c r="N1118" s="12">
        <v>-1</v>
      </c>
    </row>
    <row r="1119" spans="1:14" ht="171" x14ac:dyDescent="0.2">
      <c r="A1119" s="8" t="s">
        <v>3397</v>
      </c>
      <c r="B1119" s="8">
        <v>0.14077915602209101</v>
      </c>
      <c r="C1119" s="8">
        <v>5.6637121288224099</v>
      </c>
      <c r="D1119" s="8">
        <v>2.6222668342059898</v>
      </c>
      <c r="E1119" s="26">
        <v>1.5808367286908299E-2</v>
      </c>
      <c r="F1119" s="8">
        <v>2.36514810788125E-2</v>
      </c>
      <c r="G1119" s="8">
        <v>-5.5905912052425704</v>
      </c>
      <c r="H1119" s="8">
        <v>51118</v>
      </c>
      <c r="I1119" s="8" t="s">
        <v>3398</v>
      </c>
      <c r="J1119" s="11" t="s">
        <v>3399</v>
      </c>
      <c r="K1119" s="8">
        <v>1</v>
      </c>
      <c r="L1119" s="8">
        <v>38009258</v>
      </c>
      <c r="M1119" s="8">
        <v>38024824</v>
      </c>
      <c r="N1119" s="12">
        <v>1</v>
      </c>
    </row>
    <row r="1120" spans="1:14" ht="99.75" x14ac:dyDescent="0.2">
      <c r="A1120" s="8" t="s">
        <v>3400</v>
      </c>
      <c r="B1120" s="8">
        <v>-0.12858332807356401</v>
      </c>
      <c r="C1120" s="8">
        <v>4.9969390397548201</v>
      </c>
      <c r="D1120" s="8">
        <v>-2.6186318585845201</v>
      </c>
      <c r="E1120" s="26">
        <v>1.59354929725548E-2</v>
      </c>
      <c r="F1120" s="8">
        <v>2.38304058424091E-2</v>
      </c>
      <c r="G1120" s="8">
        <v>-5.4738774652235103</v>
      </c>
      <c r="H1120" s="8">
        <v>84273</v>
      </c>
      <c r="I1120" s="8" t="s">
        <v>3401</v>
      </c>
      <c r="J1120" s="11" t="s">
        <v>3402</v>
      </c>
      <c r="K1120" s="8">
        <v>4</v>
      </c>
      <c r="L1120" s="8">
        <v>56963370</v>
      </c>
      <c r="M1120" s="8">
        <v>56978823</v>
      </c>
      <c r="N1120" s="12">
        <v>-1</v>
      </c>
    </row>
    <row r="1121" spans="1:14" ht="128.25" x14ac:dyDescent="0.2">
      <c r="A1121" s="8" t="s">
        <v>3403</v>
      </c>
      <c r="B1121" s="8">
        <v>0.14203672038568799</v>
      </c>
      <c r="C1121" s="8">
        <v>4.7134426477591802</v>
      </c>
      <c r="D1121" s="8">
        <v>2.6132156154870798</v>
      </c>
      <c r="E1121" s="26">
        <v>1.6126701272704099E-2</v>
      </c>
      <c r="F1121" s="8">
        <v>2.4101150578997099E-2</v>
      </c>
      <c r="G1121" s="8">
        <v>-5.4302708864544904</v>
      </c>
      <c r="H1121" s="8">
        <v>135114</v>
      </c>
      <c r="I1121" s="8" t="s">
        <v>3404</v>
      </c>
      <c r="J1121" s="11" t="s">
        <v>3405</v>
      </c>
      <c r="K1121" s="8">
        <v>6</v>
      </c>
      <c r="L1121" s="8">
        <v>125956781</v>
      </c>
      <c r="M1121" s="8">
        <v>125980244</v>
      </c>
      <c r="N1121" s="12">
        <v>1</v>
      </c>
    </row>
    <row r="1122" spans="1:14" ht="185.25" x14ac:dyDescent="0.2">
      <c r="A1122" s="8" t="s">
        <v>3406</v>
      </c>
      <c r="B1122" s="8">
        <v>0.103923474448696</v>
      </c>
      <c r="C1122" s="8">
        <v>6.8053524690912299</v>
      </c>
      <c r="D1122" s="8">
        <v>2.60871459845549</v>
      </c>
      <c r="E1122" s="26">
        <v>1.6287240094399202E-2</v>
      </c>
      <c r="F1122" s="8">
        <v>2.4327662752570901E-2</v>
      </c>
      <c r="G1122" s="8">
        <v>-5.7382684867601803</v>
      </c>
      <c r="H1122" s="8">
        <v>509</v>
      </c>
      <c r="I1122" s="8" t="s">
        <v>3407</v>
      </c>
      <c r="J1122" s="11" t="s">
        <v>3408</v>
      </c>
      <c r="K1122" s="8">
        <v>10</v>
      </c>
      <c r="L1122" s="8">
        <v>7788129</v>
      </c>
      <c r="M1122" s="8">
        <v>7807815</v>
      </c>
      <c r="N1122" s="12">
        <v>1</v>
      </c>
    </row>
    <row r="1123" spans="1:14" ht="85.5" x14ac:dyDescent="0.2">
      <c r="A1123" s="8" t="s">
        <v>3409</v>
      </c>
      <c r="B1123" s="8">
        <v>0.18516629752747399</v>
      </c>
      <c r="C1123" s="8">
        <v>3.5447418720767701</v>
      </c>
      <c r="D1123" s="8">
        <v>2.6060807437061899</v>
      </c>
      <c r="E1123" s="26">
        <v>1.63818784876835E-2</v>
      </c>
      <c r="F1123" s="8">
        <v>2.44593948120197E-2</v>
      </c>
      <c r="G1123" s="8">
        <v>-5.1493572129854597</v>
      </c>
      <c r="H1123" s="8">
        <v>4086</v>
      </c>
      <c r="I1123" s="8" t="s">
        <v>3410</v>
      </c>
      <c r="J1123" s="11" t="s">
        <v>3411</v>
      </c>
      <c r="K1123" s="8">
        <v>4</v>
      </c>
      <c r="L1123" s="8">
        <v>145481194</v>
      </c>
      <c r="M1123" s="8">
        <v>145558079</v>
      </c>
      <c r="N1123" s="12">
        <v>1</v>
      </c>
    </row>
    <row r="1124" spans="1:14" ht="99.75" x14ac:dyDescent="0.2">
      <c r="A1124" s="8" t="s">
        <v>3412</v>
      </c>
      <c r="B1124" s="8">
        <v>-0.115635102805125</v>
      </c>
      <c r="C1124" s="8">
        <v>5.9864495314274304</v>
      </c>
      <c r="D1124" s="8">
        <v>-2.6057594410772</v>
      </c>
      <c r="E1124" s="26">
        <v>1.6393458712506099E-2</v>
      </c>
      <c r="F1124" s="8">
        <v>2.4468984268304801E-2</v>
      </c>
      <c r="G1124" s="8">
        <v>-5.6650210496488702</v>
      </c>
      <c r="H1124" s="8">
        <v>6227</v>
      </c>
      <c r="I1124" s="8" t="s">
        <v>3413</v>
      </c>
      <c r="J1124" s="11" t="s">
        <v>3414</v>
      </c>
      <c r="K1124" s="8">
        <v>20</v>
      </c>
      <c r="L1124" s="8">
        <v>62387116</v>
      </c>
      <c r="M1124" s="8">
        <v>62388520</v>
      </c>
      <c r="N1124" s="12">
        <v>1</v>
      </c>
    </row>
    <row r="1125" spans="1:14" ht="114" x14ac:dyDescent="0.2">
      <c r="A1125" s="8" t="s">
        <v>3415</v>
      </c>
      <c r="B1125" s="8">
        <v>-0.10717848122693099</v>
      </c>
      <c r="C1125" s="8">
        <v>5.6987474442573003</v>
      </c>
      <c r="D1125" s="8">
        <v>-2.6018130868309099</v>
      </c>
      <c r="E1125" s="26">
        <v>1.65363206351316E-2</v>
      </c>
      <c r="F1125" s="8">
        <v>2.4660884612408E-2</v>
      </c>
      <c r="G1125" s="8">
        <v>-5.6341100424983503</v>
      </c>
      <c r="H1125" s="8">
        <v>55174</v>
      </c>
      <c r="I1125" s="8" t="s">
        <v>3416</v>
      </c>
      <c r="J1125" s="11" t="s">
        <v>3417</v>
      </c>
      <c r="K1125" s="8">
        <v>8</v>
      </c>
      <c r="L1125" s="8">
        <v>19817140</v>
      </c>
      <c r="M1125" s="8">
        <v>19852083</v>
      </c>
      <c r="N1125" s="12">
        <v>1</v>
      </c>
    </row>
    <row r="1126" spans="1:14" ht="114" x14ac:dyDescent="0.2">
      <c r="A1126" s="8" t="s">
        <v>3418</v>
      </c>
      <c r="B1126" s="8">
        <v>-0.42306432433137098</v>
      </c>
      <c r="C1126" s="8">
        <v>1.78686901841191</v>
      </c>
      <c r="D1126" s="8">
        <v>-2.6010421508505699</v>
      </c>
      <c r="E1126" s="26">
        <v>1.65643656263261E-2</v>
      </c>
      <c r="F1126" s="8">
        <v>2.4700767443877902E-2</v>
      </c>
      <c r="G1126" s="8">
        <v>-4.6379095973615696</v>
      </c>
      <c r="H1126" s="8">
        <v>6066</v>
      </c>
      <c r="I1126" s="8" t="s">
        <v>3419</v>
      </c>
      <c r="J1126" s="11" t="s">
        <v>3420</v>
      </c>
      <c r="K1126" s="8">
        <v>17</v>
      </c>
      <c r="L1126" s="8">
        <v>43233787</v>
      </c>
      <c r="M1126" s="8">
        <v>43233977</v>
      </c>
      <c r="N1126" s="12">
        <v>-1</v>
      </c>
    </row>
    <row r="1127" spans="1:14" ht="114" x14ac:dyDescent="0.2">
      <c r="A1127" s="8" t="s">
        <v>3421</v>
      </c>
      <c r="B1127" s="8">
        <v>0.118537839431752</v>
      </c>
      <c r="C1127" s="8">
        <v>6.9459394172870601</v>
      </c>
      <c r="D1127" s="8">
        <v>2.59567583748917</v>
      </c>
      <c r="E1127" s="26">
        <v>1.6760823096040899E-2</v>
      </c>
      <c r="F1127" s="8">
        <v>2.4966259018333398E-2</v>
      </c>
      <c r="G1127" s="8">
        <v>-5.7748285995707898</v>
      </c>
      <c r="H1127" s="8">
        <v>400506</v>
      </c>
      <c r="I1127" s="8" t="s">
        <v>3422</v>
      </c>
      <c r="J1127" s="11" t="s">
        <v>3423</v>
      </c>
      <c r="K1127" s="8">
        <v>16</v>
      </c>
      <c r="L1127" s="8">
        <v>19701934</v>
      </c>
      <c r="M1127" s="8">
        <v>19718235</v>
      </c>
      <c r="N1127" s="12">
        <v>-1</v>
      </c>
    </row>
    <row r="1128" spans="1:14" ht="128.25" x14ac:dyDescent="0.2">
      <c r="A1128" s="8" t="s">
        <v>3424</v>
      </c>
      <c r="B1128" s="8">
        <v>9.8660439300925204E-2</v>
      </c>
      <c r="C1128" s="8">
        <v>6.0614117837855099</v>
      </c>
      <c r="D1128" s="8">
        <v>2.5833774120026902</v>
      </c>
      <c r="E1128" s="26">
        <v>1.7219351893400601E-2</v>
      </c>
      <c r="F1128" s="8">
        <v>2.5591012677661701E-2</v>
      </c>
      <c r="G1128" s="8">
        <v>-5.7231027312605098</v>
      </c>
      <c r="H1128" s="8">
        <v>51808</v>
      </c>
      <c r="I1128" s="8" t="s">
        <v>3425</v>
      </c>
      <c r="J1128" s="11" t="s">
        <v>3426</v>
      </c>
      <c r="K1128" s="8">
        <v>5</v>
      </c>
      <c r="L1128" s="8">
        <v>126600268</v>
      </c>
      <c r="M1128" s="8">
        <v>126627252</v>
      </c>
      <c r="N1128" s="12">
        <v>1</v>
      </c>
    </row>
    <row r="1129" spans="1:14" ht="85.5" x14ac:dyDescent="0.2">
      <c r="A1129" s="8" t="s">
        <v>3427</v>
      </c>
      <c r="B1129" s="8">
        <v>9.5945760744044206E-2</v>
      </c>
      <c r="C1129" s="8">
        <v>6.1123657081238596</v>
      </c>
      <c r="D1129" s="8">
        <v>2.5795391734001099</v>
      </c>
      <c r="E1129" s="26">
        <v>1.7364850429634801E-2</v>
      </c>
      <c r="F1129" s="8">
        <v>2.5791090757077601E-2</v>
      </c>
      <c r="G1129" s="8">
        <v>-5.7367505778713204</v>
      </c>
      <c r="H1129" s="8">
        <v>9567</v>
      </c>
      <c r="I1129" s="8" t="s">
        <v>3428</v>
      </c>
      <c r="J1129" s="11" t="s">
        <v>3429</v>
      </c>
      <c r="K1129" s="8">
        <v>22</v>
      </c>
      <c r="L1129" s="8">
        <v>38705723</v>
      </c>
      <c r="M1129" s="8">
        <v>38738299</v>
      </c>
      <c r="N1129" s="12">
        <v>1</v>
      </c>
    </row>
    <row r="1130" spans="1:14" ht="128.25" x14ac:dyDescent="0.2">
      <c r="A1130" s="8" t="s">
        <v>3430</v>
      </c>
      <c r="B1130" s="8">
        <v>0.14367292643518401</v>
      </c>
      <c r="C1130" s="8">
        <v>4.7706082546220498</v>
      </c>
      <c r="D1130" s="8">
        <v>2.5731487946234801</v>
      </c>
      <c r="E1130" s="26">
        <v>1.7609658036775899E-2</v>
      </c>
      <c r="F1130" s="8">
        <v>2.6130149391187501E-2</v>
      </c>
      <c r="G1130" s="8">
        <v>-5.5256822408862396</v>
      </c>
      <c r="H1130" s="8">
        <v>79753</v>
      </c>
      <c r="I1130" s="8" t="s">
        <v>3431</v>
      </c>
      <c r="J1130" s="11" t="s">
        <v>3432</v>
      </c>
      <c r="K1130" s="8">
        <v>1</v>
      </c>
      <c r="L1130" s="8">
        <v>37534449</v>
      </c>
      <c r="M1130" s="8">
        <v>37554302</v>
      </c>
      <c r="N1130" s="12">
        <v>-1</v>
      </c>
    </row>
    <row r="1131" spans="1:14" ht="142.5" x14ac:dyDescent="0.2">
      <c r="A1131" s="8" t="s">
        <v>3433</v>
      </c>
      <c r="B1131" s="8">
        <v>0.12764176743810501</v>
      </c>
      <c r="C1131" s="8">
        <v>5.9051433703785099</v>
      </c>
      <c r="D1131" s="8">
        <v>2.5722257492636</v>
      </c>
      <c r="E1131" s="26">
        <v>1.7645285353035198E-2</v>
      </c>
      <c r="F1131" s="8">
        <v>2.6176874620430699E-2</v>
      </c>
      <c r="G1131" s="8">
        <v>-5.72720258131233</v>
      </c>
      <c r="H1131" s="8">
        <v>81892</v>
      </c>
      <c r="I1131" s="8" t="s">
        <v>3434</v>
      </c>
      <c r="J1131" s="11" t="s">
        <v>3435</v>
      </c>
      <c r="K1131" s="8">
        <v>14</v>
      </c>
      <c r="L1131" s="8">
        <v>77708071</v>
      </c>
      <c r="M1131" s="8">
        <v>77761104</v>
      </c>
      <c r="N1131" s="12">
        <v>1</v>
      </c>
    </row>
    <row r="1132" spans="1:14" ht="142.5" x14ac:dyDescent="0.2">
      <c r="A1132" s="8" t="s">
        <v>3436</v>
      </c>
      <c r="B1132" s="8">
        <v>0.27807807615115299</v>
      </c>
      <c r="C1132" s="8">
        <v>2.2676927446475799</v>
      </c>
      <c r="D1132" s="8">
        <v>2.5714795669789501</v>
      </c>
      <c r="E1132" s="26">
        <v>1.7674135613316801E-2</v>
      </c>
      <c r="F1132" s="8">
        <v>2.6212029447870999E-2</v>
      </c>
      <c r="G1132" s="8">
        <v>-4.8623112477013697</v>
      </c>
      <c r="H1132" s="8">
        <v>642843</v>
      </c>
      <c r="I1132" s="8" t="s">
        <v>3437</v>
      </c>
      <c r="J1132" s="11" t="s">
        <v>3438</v>
      </c>
      <c r="K1132" s="8">
        <v>17</v>
      </c>
      <c r="L1132" s="8">
        <v>73248449</v>
      </c>
      <c r="M1132" s="8">
        <v>73262352</v>
      </c>
      <c r="N1132" s="12">
        <v>-1</v>
      </c>
    </row>
    <row r="1133" spans="1:14" ht="99.75" x14ac:dyDescent="0.2">
      <c r="A1133" s="8" t="s">
        <v>3439</v>
      </c>
      <c r="B1133" s="8">
        <v>0.111914050248899</v>
      </c>
      <c r="C1133" s="8">
        <v>5.3900239913978396</v>
      </c>
      <c r="D1133" s="8">
        <v>2.56912135431305</v>
      </c>
      <c r="E1133" s="26">
        <v>1.7765604387154799E-2</v>
      </c>
      <c r="F1133" s="8">
        <v>2.6336838876262599E-2</v>
      </c>
      <c r="G1133" s="8">
        <v>-5.6555127495723303</v>
      </c>
      <c r="H1133" s="8">
        <v>10482</v>
      </c>
      <c r="I1133" s="8" t="s">
        <v>3440</v>
      </c>
      <c r="J1133" s="11" t="s">
        <v>3441</v>
      </c>
      <c r="K1133" s="8">
        <v>11</v>
      </c>
      <c r="L1133" s="8">
        <v>62792123</v>
      </c>
      <c r="M1133" s="8">
        <v>62806302</v>
      </c>
      <c r="N1133" s="12">
        <v>-1</v>
      </c>
    </row>
    <row r="1134" spans="1:14" ht="128.25" x14ac:dyDescent="0.2">
      <c r="A1134" s="8" t="s">
        <v>3442</v>
      </c>
      <c r="B1134" s="8">
        <v>0.198708785288852</v>
      </c>
      <c r="C1134" s="8">
        <v>7.7741779153960904</v>
      </c>
      <c r="D1134" s="8">
        <v>2.5684496511294101</v>
      </c>
      <c r="E1134" s="26">
        <v>1.7791739118670401E-2</v>
      </c>
      <c r="F1134" s="8">
        <v>2.6367343479500899E-2</v>
      </c>
      <c r="G1134" s="8">
        <v>-5.88112968852933</v>
      </c>
      <c r="H1134" s="8">
        <v>6176</v>
      </c>
      <c r="I1134" s="8" t="s">
        <v>3443</v>
      </c>
      <c r="J1134" s="11" t="s">
        <v>3444</v>
      </c>
      <c r="K1134" s="8">
        <v>15</v>
      </c>
      <c r="L1134" s="8">
        <v>69452784</v>
      </c>
      <c r="M1134" s="8">
        <v>69456194</v>
      </c>
      <c r="N1134" s="12">
        <v>1</v>
      </c>
    </row>
    <row r="1135" spans="1:14" ht="128.25" x14ac:dyDescent="0.2">
      <c r="A1135" s="8" t="s">
        <v>3445</v>
      </c>
      <c r="B1135" s="8">
        <v>0.117775292477462</v>
      </c>
      <c r="C1135" s="8">
        <v>4.8033012146154102</v>
      </c>
      <c r="D1135" s="8">
        <v>2.5656631642474301</v>
      </c>
      <c r="E1135" s="26">
        <v>1.7900541825787101E-2</v>
      </c>
      <c r="F1135" s="8">
        <v>2.65161644077716E-2</v>
      </c>
      <c r="G1135" s="8">
        <v>-5.5478992959796596</v>
      </c>
      <c r="H1135" s="8">
        <v>10943</v>
      </c>
      <c r="I1135" s="8" t="s">
        <v>3446</v>
      </c>
      <c r="J1135" s="11" t="s">
        <v>3447</v>
      </c>
      <c r="K1135" s="8" t="s">
        <v>108</v>
      </c>
      <c r="L1135" s="8">
        <v>11758159</v>
      </c>
      <c r="M1135" s="8">
        <v>11775753</v>
      </c>
      <c r="N1135" s="12">
        <v>1</v>
      </c>
    </row>
    <row r="1136" spans="1:14" ht="114" x14ac:dyDescent="0.2">
      <c r="A1136" s="8" t="s">
        <v>3448</v>
      </c>
      <c r="B1136" s="8">
        <v>-0.14348877804645399</v>
      </c>
      <c r="C1136" s="8">
        <v>4.2282830305810597</v>
      </c>
      <c r="D1136" s="8">
        <v>-2.5588647219938498</v>
      </c>
      <c r="E1136" s="26">
        <v>1.8168621915137899E-2</v>
      </c>
      <c r="F1136" s="8">
        <v>2.6890183909185201E-2</v>
      </c>
      <c r="G1136" s="8">
        <v>-5.4184285709378504</v>
      </c>
      <c r="H1136" s="8">
        <v>7263</v>
      </c>
      <c r="I1136" s="8" t="s">
        <v>3449</v>
      </c>
      <c r="J1136" s="11" t="s">
        <v>3450</v>
      </c>
      <c r="K1136" s="8">
        <v>22</v>
      </c>
      <c r="L1136" s="8">
        <v>37010859</v>
      </c>
      <c r="M1136" s="8">
        <v>37020183</v>
      </c>
      <c r="N1136" s="12">
        <v>-1</v>
      </c>
    </row>
    <row r="1137" spans="1:14" ht="114" x14ac:dyDescent="0.2">
      <c r="A1137" s="8" t="s">
        <v>3451</v>
      </c>
      <c r="B1137" s="8">
        <v>0.110356419210691</v>
      </c>
      <c r="C1137" s="8">
        <v>5.0980300588168301</v>
      </c>
      <c r="D1137" s="8">
        <v>2.5571266945826601</v>
      </c>
      <c r="E1137" s="26">
        <v>1.82377585151688E-2</v>
      </c>
      <c r="F1137" s="8">
        <v>2.6981986695436101E-2</v>
      </c>
      <c r="G1137" s="8">
        <v>-5.62619514376635</v>
      </c>
      <c r="H1137" s="8">
        <v>92105</v>
      </c>
      <c r="I1137" s="8" t="s">
        <v>3452</v>
      </c>
      <c r="J1137" s="11" t="s">
        <v>3453</v>
      </c>
      <c r="K1137" s="8">
        <v>11</v>
      </c>
      <c r="L1137" s="8">
        <v>77878720</v>
      </c>
      <c r="M1137" s="8">
        <v>77994678</v>
      </c>
      <c r="N1137" s="12">
        <v>-1</v>
      </c>
    </row>
    <row r="1138" spans="1:14" ht="128.25" x14ac:dyDescent="0.2">
      <c r="A1138" s="8" t="s">
        <v>3454</v>
      </c>
      <c r="B1138" s="8">
        <v>9.8811264360353604E-2</v>
      </c>
      <c r="C1138" s="8">
        <v>6.5837419326902804</v>
      </c>
      <c r="D1138" s="8">
        <v>2.5220842497597502</v>
      </c>
      <c r="E1138" s="26">
        <v>1.9685394630301199E-2</v>
      </c>
      <c r="F1138" s="8">
        <v>2.8945431109501402E-2</v>
      </c>
      <c r="G1138" s="8">
        <v>-5.8994032610946396</v>
      </c>
      <c r="H1138" s="8">
        <v>221092</v>
      </c>
      <c r="I1138" s="8" t="s">
        <v>3455</v>
      </c>
      <c r="J1138" s="11" t="s">
        <v>3456</v>
      </c>
      <c r="K1138" s="8">
        <v>11</v>
      </c>
      <c r="L1138" s="8">
        <v>62712630</v>
      </c>
      <c r="M1138" s="8">
        <v>62727349</v>
      </c>
      <c r="N1138" s="12">
        <v>-1</v>
      </c>
    </row>
    <row r="1139" spans="1:14" ht="99.75" x14ac:dyDescent="0.2">
      <c r="A1139" s="8" t="s">
        <v>3457</v>
      </c>
      <c r="B1139" s="8">
        <v>-0.17017813856089201</v>
      </c>
      <c r="C1139" s="8">
        <v>4.6968868739157603</v>
      </c>
      <c r="D1139" s="8">
        <v>-2.5190373397247998</v>
      </c>
      <c r="E1139" s="26">
        <v>1.9816218709974E-2</v>
      </c>
      <c r="F1139" s="8">
        <v>2.9117489931024199E-2</v>
      </c>
      <c r="G1139" s="8">
        <v>-5.6120026005892099</v>
      </c>
      <c r="H1139" s="8">
        <v>10607</v>
      </c>
      <c r="I1139" s="8" t="s">
        <v>3458</v>
      </c>
      <c r="J1139" s="11" t="s">
        <v>3459</v>
      </c>
      <c r="K1139" s="8">
        <v>16</v>
      </c>
      <c r="L1139" s="8">
        <v>1972037</v>
      </c>
      <c r="M1139" s="8">
        <v>1982933</v>
      </c>
      <c r="N1139" s="12">
        <v>1</v>
      </c>
    </row>
    <row r="1140" spans="1:14" ht="114" x14ac:dyDescent="0.2">
      <c r="A1140" s="8" t="s">
        <v>3460</v>
      </c>
      <c r="B1140" s="8">
        <v>-0.106108478952292</v>
      </c>
      <c r="C1140" s="8">
        <v>5.9137906083456198</v>
      </c>
      <c r="D1140" s="8">
        <v>-2.49988860630507</v>
      </c>
      <c r="E1140" s="26">
        <v>2.06571809775551E-2</v>
      </c>
      <c r="F1140" s="8">
        <v>3.0273482385594599E-2</v>
      </c>
      <c r="G1140" s="8">
        <v>-5.87264340733977</v>
      </c>
      <c r="H1140" s="8">
        <v>54460</v>
      </c>
      <c r="I1140" s="8" t="s">
        <v>3461</v>
      </c>
      <c r="J1140" s="11" t="s">
        <v>3462</v>
      </c>
      <c r="K1140" s="8">
        <v>1</v>
      </c>
      <c r="L1140" s="8">
        <v>150293720</v>
      </c>
      <c r="M1140" s="8">
        <v>150308979</v>
      </c>
      <c r="N1140" s="12">
        <v>1</v>
      </c>
    </row>
    <row r="1141" spans="1:14" ht="71.25" x14ac:dyDescent="0.2">
      <c r="A1141" s="8" t="s">
        <v>3463</v>
      </c>
      <c r="B1141" s="8">
        <v>0.100952525033421</v>
      </c>
      <c r="C1141" s="8">
        <v>7.4213803037613104</v>
      </c>
      <c r="D1141" s="8">
        <v>2.49024842206089</v>
      </c>
      <c r="E1141" s="26">
        <v>2.1093053747620199E-2</v>
      </c>
      <c r="F1141" s="8">
        <v>3.0859832007446499E-2</v>
      </c>
      <c r="G1141" s="8">
        <v>-6.0194696493210396</v>
      </c>
      <c r="H1141" s="8">
        <v>5962</v>
      </c>
      <c r="I1141" s="8" t="s">
        <v>3464</v>
      </c>
      <c r="J1141" s="11" t="s">
        <v>3465</v>
      </c>
      <c r="K1141" s="8">
        <v>11</v>
      </c>
      <c r="L1141" s="8">
        <v>110174880</v>
      </c>
      <c r="M1141" s="8">
        <v>110296722</v>
      </c>
      <c r="N1141" s="12">
        <v>-1</v>
      </c>
    </row>
    <row r="1142" spans="1:14" ht="114" x14ac:dyDescent="0.2">
      <c r="A1142" s="8" t="s">
        <v>3466</v>
      </c>
      <c r="B1142" s="8">
        <v>0.110164472563256</v>
      </c>
      <c r="C1142" s="8">
        <v>5.1946053599640498</v>
      </c>
      <c r="D1142" s="8">
        <v>2.48333379084661</v>
      </c>
      <c r="E1142" s="26">
        <v>2.1410960838904699E-2</v>
      </c>
      <c r="F1142" s="8">
        <v>3.1291167026560901E-2</v>
      </c>
      <c r="G1142" s="8">
        <v>-5.7946946396585099</v>
      </c>
      <c r="H1142" s="8">
        <v>23029</v>
      </c>
      <c r="I1142" s="8" t="s">
        <v>3467</v>
      </c>
      <c r="J1142" s="11" t="s">
        <v>3468</v>
      </c>
      <c r="K1142" s="8">
        <v>1</v>
      </c>
      <c r="L1142" s="8">
        <v>235131183</v>
      </c>
      <c r="M1142" s="8">
        <v>235161457</v>
      </c>
      <c r="N1142" s="12">
        <v>-1</v>
      </c>
    </row>
    <row r="1143" spans="1:14" ht="114" x14ac:dyDescent="0.2">
      <c r="A1143" s="8" t="s">
        <v>3469</v>
      </c>
      <c r="B1143" s="8">
        <v>0.121705177648018</v>
      </c>
      <c r="C1143" s="8">
        <v>4.5121370794253197</v>
      </c>
      <c r="D1143" s="8">
        <v>2.4685932666906201</v>
      </c>
      <c r="E1143" s="26">
        <v>2.2103639039300401E-2</v>
      </c>
      <c r="F1143" s="8">
        <v>3.2236006595208297E-2</v>
      </c>
      <c r="G1143" s="8">
        <v>-5.6783667366081003</v>
      </c>
      <c r="H1143" s="8">
        <v>51373</v>
      </c>
      <c r="I1143" s="8" t="s">
        <v>3470</v>
      </c>
      <c r="J1143" s="11" t="s">
        <v>3471</v>
      </c>
      <c r="K1143" s="8">
        <v>7</v>
      </c>
      <c r="L1143" s="8">
        <v>55951819</v>
      </c>
      <c r="M1143" s="8">
        <v>55956501</v>
      </c>
      <c r="N1143" s="12">
        <v>1</v>
      </c>
    </row>
    <row r="1144" spans="1:14" ht="128.25" x14ac:dyDescent="0.2">
      <c r="A1144" s="8" t="s">
        <v>3472</v>
      </c>
      <c r="B1144" s="8">
        <v>-0.208277065855004</v>
      </c>
      <c r="C1144" s="8">
        <v>2.7840599242029902</v>
      </c>
      <c r="D1144" s="8">
        <v>-2.4646469428148201</v>
      </c>
      <c r="E1144" s="26">
        <v>2.2292593525472401E-2</v>
      </c>
      <c r="F1144" s="8">
        <v>3.2499542700537003E-2</v>
      </c>
      <c r="G1144" s="8">
        <v>-5.2133250303420997</v>
      </c>
      <c r="H1144" s="8">
        <v>54960</v>
      </c>
      <c r="I1144" s="8" t="s">
        <v>3473</v>
      </c>
      <c r="J1144" s="11" t="s">
        <v>3474</v>
      </c>
      <c r="K1144" s="8" t="s">
        <v>108</v>
      </c>
      <c r="L1144" s="8">
        <v>14008279</v>
      </c>
      <c r="M1144" s="8">
        <v>14029893</v>
      </c>
      <c r="N1144" s="12">
        <v>-1</v>
      </c>
    </row>
    <row r="1145" spans="1:14" ht="99.75" x14ac:dyDescent="0.2">
      <c r="A1145" s="8" t="s">
        <v>3475</v>
      </c>
      <c r="B1145" s="8">
        <v>0.10387782616270699</v>
      </c>
      <c r="C1145" s="8">
        <v>5.0942456190761698</v>
      </c>
      <c r="D1145" s="8">
        <v>2.4580921772462898</v>
      </c>
      <c r="E1145" s="26">
        <v>2.2609769930428202E-2</v>
      </c>
      <c r="F1145" s="8">
        <v>3.29366395923648E-2</v>
      </c>
      <c r="G1145" s="8">
        <v>-5.8259303137123499</v>
      </c>
      <c r="H1145" s="8">
        <v>440400</v>
      </c>
      <c r="I1145" s="8" t="s">
        <v>3476</v>
      </c>
      <c r="J1145" s="11" t="s">
        <v>3477</v>
      </c>
      <c r="K1145" s="8">
        <v>17</v>
      </c>
      <c r="L1145" s="8">
        <v>7012417</v>
      </c>
      <c r="M1145" s="8">
        <v>7014532</v>
      </c>
      <c r="N1145" s="12">
        <v>1</v>
      </c>
    </row>
    <row r="1146" spans="1:14" ht="128.25" x14ac:dyDescent="0.2">
      <c r="A1146" s="8" t="s">
        <v>3478</v>
      </c>
      <c r="B1146" s="8">
        <v>0.12770635867646099</v>
      </c>
      <c r="C1146" s="8">
        <v>6.4272336778680099</v>
      </c>
      <c r="D1146" s="8">
        <v>2.4458947496153098</v>
      </c>
      <c r="E1146" s="26">
        <v>2.3211191985738899E-2</v>
      </c>
      <c r="F1146" s="8">
        <v>3.3714411811203097E-2</v>
      </c>
      <c r="G1146" s="8">
        <v>-6.0398971793423604</v>
      </c>
      <c r="H1146" s="8">
        <v>6742</v>
      </c>
      <c r="I1146" s="8" t="s">
        <v>3479</v>
      </c>
      <c r="J1146" s="11" t="s">
        <v>3480</v>
      </c>
      <c r="K1146" s="8">
        <v>7</v>
      </c>
      <c r="L1146" s="8">
        <v>141738321</v>
      </c>
      <c r="M1146" s="8">
        <v>141787922</v>
      </c>
      <c r="N1146" s="12">
        <v>1</v>
      </c>
    </row>
    <row r="1147" spans="1:14" ht="99.75" x14ac:dyDescent="0.2">
      <c r="A1147" s="8" t="s">
        <v>3481</v>
      </c>
      <c r="B1147" s="8">
        <v>0.12747155846629701</v>
      </c>
      <c r="C1147" s="8">
        <v>5.2048883257979499</v>
      </c>
      <c r="D1147" s="8">
        <v>2.4425053641980599</v>
      </c>
      <c r="E1147" s="26">
        <v>2.3380935446779699E-2</v>
      </c>
      <c r="F1147" s="8">
        <v>3.3932924811916003E-2</v>
      </c>
      <c r="G1147" s="8">
        <v>-5.8787612328523702</v>
      </c>
      <c r="H1147" s="8">
        <v>80145</v>
      </c>
      <c r="I1147" s="8" t="s">
        <v>3482</v>
      </c>
      <c r="J1147" s="11" t="s">
        <v>3483</v>
      </c>
      <c r="K1147" s="8">
        <v>3</v>
      </c>
      <c r="L1147" s="8">
        <v>63833870</v>
      </c>
      <c r="M1147" s="8">
        <v>63863903</v>
      </c>
      <c r="N1147" s="12">
        <v>-1</v>
      </c>
    </row>
    <row r="1148" spans="1:14" ht="114" x14ac:dyDescent="0.2">
      <c r="A1148" s="8" t="s">
        <v>3484</v>
      </c>
      <c r="B1148" s="8">
        <v>-0.22948340687608401</v>
      </c>
      <c r="C1148" s="8">
        <v>2.8076548198046498</v>
      </c>
      <c r="D1148" s="8">
        <v>-2.4409527581981401</v>
      </c>
      <c r="E1148" s="26">
        <v>2.3459076040046802E-2</v>
      </c>
      <c r="F1148" s="8">
        <v>3.40301854465654E-2</v>
      </c>
      <c r="G1148" s="8">
        <v>-5.2664635584108499</v>
      </c>
      <c r="H1148" s="8">
        <v>2081</v>
      </c>
      <c r="I1148" s="8" t="s">
        <v>3485</v>
      </c>
      <c r="J1148" s="11" t="s">
        <v>3486</v>
      </c>
      <c r="K1148" s="8">
        <v>17</v>
      </c>
      <c r="L1148" s="8">
        <v>64039142</v>
      </c>
      <c r="M1148" s="8">
        <v>64130819</v>
      </c>
      <c r="N1148" s="12">
        <v>-1</v>
      </c>
    </row>
    <row r="1149" spans="1:14" ht="128.25" x14ac:dyDescent="0.2">
      <c r="A1149" s="8" t="s">
        <v>3487</v>
      </c>
      <c r="B1149" s="8">
        <v>0.20215696741723699</v>
      </c>
      <c r="C1149" s="8">
        <v>3.0469818539474298</v>
      </c>
      <c r="D1149" s="8">
        <v>2.4389370342328598</v>
      </c>
      <c r="E1149" s="26">
        <v>2.3560886842000101E-2</v>
      </c>
      <c r="F1149" s="8">
        <v>3.4170038181172001E-2</v>
      </c>
      <c r="G1149" s="8">
        <v>-5.3511455159675601</v>
      </c>
      <c r="H1149" s="8">
        <v>5303</v>
      </c>
      <c r="I1149" s="8" t="s">
        <v>3488</v>
      </c>
      <c r="J1149" s="11" t="s">
        <v>3489</v>
      </c>
      <c r="K1149" s="8" t="s">
        <v>108</v>
      </c>
      <c r="L1149" s="8">
        <v>72181353</v>
      </c>
      <c r="M1149" s="8">
        <v>72302926</v>
      </c>
      <c r="N1149" s="12">
        <v>1</v>
      </c>
    </row>
    <row r="1150" spans="1:14" ht="99.75" x14ac:dyDescent="0.2">
      <c r="A1150" s="8" t="s">
        <v>3490</v>
      </c>
      <c r="B1150" s="8">
        <v>-0.24777875778814601</v>
      </c>
      <c r="C1150" s="8">
        <v>2.3271146301639098</v>
      </c>
      <c r="D1150" s="8">
        <v>-2.4279271009863201</v>
      </c>
      <c r="E1150" s="26">
        <v>2.4124261776368498E-2</v>
      </c>
      <c r="F1150" s="8">
        <v>3.49044004063849E-2</v>
      </c>
      <c r="G1150" s="8">
        <v>-5.1532924732108603</v>
      </c>
      <c r="H1150" s="8">
        <v>163033</v>
      </c>
      <c r="I1150" s="8" t="s">
        <v>3491</v>
      </c>
      <c r="J1150" s="11" t="s">
        <v>3492</v>
      </c>
      <c r="K1150" s="8">
        <v>19</v>
      </c>
      <c r="L1150" s="8">
        <v>55576770</v>
      </c>
      <c r="M1150" s="8">
        <v>55580845</v>
      </c>
      <c r="N1150" s="12">
        <v>-1</v>
      </c>
    </row>
    <row r="1151" spans="1:14" ht="114" x14ac:dyDescent="0.2">
      <c r="A1151" s="8" t="s">
        <v>3493</v>
      </c>
      <c r="B1151" s="8">
        <v>9.8389980984205899E-2</v>
      </c>
      <c r="C1151" s="8">
        <v>5.7183300289368697</v>
      </c>
      <c r="D1151" s="8">
        <v>2.42031507365339</v>
      </c>
      <c r="E1151" s="26">
        <v>2.4521052196959599E-2</v>
      </c>
      <c r="F1151" s="8">
        <v>3.5446070044310003E-2</v>
      </c>
      <c r="G1151" s="8">
        <v>-6.0083194490054304</v>
      </c>
      <c r="H1151" s="8">
        <v>55052</v>
      </c>
      <c r="I1151" s="8" t="s">
        <v>3494</v>
      </c>
      <c r="J1151" s="11" t="s">
        <v>3495</v>
      </c>
      <c r="K1151" s="8">
        <v>1</v>
      </c>
      <c r="L1151" s="8">
        <v>1401908</v>
      </c>
      <c r="M1151" s="8">
        <v>1407313</v>
      </c>
      <c r="N1151" s="12">
        <v>-1</v>
      </c>
    </row>
    <row r="1152" spans="1:14" ht="142.5" x14ac:dyDescent="0.2">
      <c r="A1152" s="8" t="s">
        <v>3496</v>
      </c>
      <c r="B1152" s="8">
        <v>0.13260587740902099</v>
      </c>
      <c r="C1152" s="8">
        <v>7.2412580683644201</v>
      </c>
      <c r="D1152" s="8">
        <v>2.4198273173360798</v>
      </c>
      <c r="E1152" s="26">
        <v>2.4546682688801801E-2</v>
      </c>
      <c r="F1152" s="8">
        <v>3.5480417197455399E-2</v>
      </c>
      <c r="G1152" s="8">
        <v>-6.1498812063901998</v>
      </c>
      <c r="H1152" s="8">
        <v>9221</v>
      </c>
      <c r="I1152" s="8" t="s">
        <v>3497</v>
      </c>
      <c r="J1152" s="11" t="s">
        <v>3498</v>
      </c>
      <c r="K1152" s="8">
        <v>10</v>
      </c>
      <c r="L1152" s="8">
        <v>102152176</v>
      </c>
      <c r="M1152" s="8">
        <v>102163871</v>
      </c>
      <c r="N1152" s="12">
        <v>1</v>
      </c>
    </row>
    <row r="1153" spans="1:14" ht="142.5" x14ac:dyDescent="0.2">
      <c r="A1153" s="8" t="s">
        <v>3499</v>
      </c>
      <c r="B1153" s="8">
        <v>0.21927652948444401</v>
      </c>
      <c r="C1153" s="8">
        <v>2.97972987571069</v>
      </c>
      <c r="D1153" s="8">
        <v>2.41442067831268</v>
      </c>
      <c r="E1153" s="26">
        <v>2.4832458770032002E-2</v>
      </c>
      <c r="F1153" s="8">
        <v>3.5868897098409E-2</v>
      </c>
      <c r="G1153" s="8">
        <v>-5.3813357273894296</v>
      </c>
      <c r="H1153" s="8">
        <v>92345</v>
      </c>
      <c r="I1153" s="8" t="s">
        <v>3500</v>
      </c>
      <c r="J1153" s="11" t="s">
        <v>3501</v>
      </c>
      <c r="K1153" s="8">
        <v>4</v>
      </c>
      <c r="L1153" s="8">
        <v>163110073</v>
      </c>
      <c r="M1153" s="8">
        <v>163166921</v>
      </c>
      <c r="N1153" s="12">
        <v>-1</v>
      </c>
    </row>
    <row r="1154" spans="1:14" ht="114" x14ac:dyDescent="0.2">
      <c r="A1154" s="8" t="s">
        <v>3502</v>
      </c>
      <c r="B1154" s="8">
        <v>0.15761245326051301</v>
      </c>
      <c r="C1154" s="8">
        <v>3.7057290304828299</v>
      </c>
      <c r="D1154" s="8">
        <v>2.4042916206779301</v>
      </c>
      <c r="E1154" s="26">
        <v>2.5376166155437401E-2</v>
      </c>
      <c r="F1154" s="8">
        <v>3.6620798869333497E-2</v>
      </c>
      <c r="G1154" s="8">
        <v>-5.6007151134250996</v>
      </c>
      <c r="H1154" s="8">
        <v>116541</v>
      </c>
      <c r="I1154" s="8" t="s">
        <v>3503</v>
      </c>
      <c r="J1154" s="11" t="s">
        <v>3504</v>
      </c>
      <c r="K1154" s="8">
        <v>19</v>
      </c>
      <c r="L1154" s="8">
        <v>3762664</v>
      </c>
      <c r="M1154" s="8">
        <v>3768575</v>
      </c>
      <c r="N1154" s="12">
        <v>1</v>
      </c>
    </row>
    <row r="1155" spans="1:14" ht="128.25" x14ac:dyDescent="0.2">
      <c r="A1155" s="8" t="s">
        <v>3505</v>
      </c>
      <c r="B1155" s="8">
        <v>0.20151015906782399</v>
      </c>
      <c r="C1155" s="8">
        <v>3.0990671774802401</v>
      </c>
      <c r="D1155" s="8">
        <v>2.4025545975503499</v>
      </c>
      <c r="E1155" s="26">
        <v>2.54705069256424E-2</v>
      </c>
      <c r="F1155" s="8">
        <v>3.67429730085835E-2</v>
      </c>
      <c r="G1155" s="8">
        <v>-5.4381428007915904</v>
      </c>
      <c r="H1155" s="8">
        <v>80759</v>
      </c>
      <c r="I1155" s="8" t="s">
        <v>3506</v>
      </c>
      <c r="J1155" s="11" t="s">
        <v>3507</v>
      </c>
      <c r="K1155" s="8">
        <v>6</v>
      </c>
      <c r="L1155" s="8">
        <v>73241314</v>
      </c>
      <c r="M1155" s="8">
        <v>73310365</v>
      </c>
      <c r="N1155" s="12">
        <v>-1</v>
      </c>
    </row>
    <row r="1156" spans="1:14" ht="114" x14ac:dyDescent="0.2">
      <c r="A1156" s="8" t="s">
        <v>3508</v>
      </c>
      <c r="B1156" s="8">
        <v>9.6779552653963194E-2</v>
      </c>
      <c r="C1156" s="8">
        <v>7.1905565133524503</v>
      </c>
      <c r="D1156" s="8">
        <v>2.40066070010336</v>
      </c>
      <c r="E1156" s="26">
        <v>2.5573738038161101E-2</v>
      </c>
      <c r="F1156" s="8">
        <v>3.6871729501114399E-2</v>
      </c>
      <c r="G1156" s="8">
        <v>-6.1845702469727399</v>
      </c>
      <c r="H1156" s="8">
        <v>23</v>
      </c>
      <c r="I1156" s="8" t="s">
        <v>3509</v>
      </c>
      <c r="J1156" s="11" t="s">
        <v>3510</v>
      </c>
      <c r="K1156" s="8">
        <v>6</v>
      </c>
      <c r="L1156" s="8">
        <v>30571376</v>
      </c>
      <c r="M1156" s="8">
        <v>30597179</v>
      </c>
      <c r="N1156" s="12">
        <v>1</v>
      </c>
    </row>
    <row r="1157" spans="1:14" ht="99.75" x14ac:dyDescent="0.2">
      <c r="A1157" s="8" t="s">
        <v>3511</v>
      </c>
      <c r="B1157" s="8">
        <v>0.17728220148768201</v>
      </c>
      <c r="C1157" s="8">
        <v>3.2763265119898701</v>
      </c>
      <c r="D1157" s="8">
        <v>2.3984465946961002</v>
      </c>
      <c r="E1157" s="26">
        <v>2.5694914151547999E-2</v>
      </c>
      <c r="F1157" s="8">
        <v>3.7027290291892098E-2</v>
      </c>
      <c r="G1157" s="8">
        <v>-5.4952183497489804</v>
      </c>
      <c r="H1157" s="8" t="s">
        <v>3512</v>
      </c>
      <c r="I1157" s="8" t="s">
        <v>3513</v>
      </c>
      <c r="J1157" s="11" t="s">
        <v>3514</v>
      </c>
      <c r="K1157" s="8">
        <v>12</v>
      </c>
      <c r="L1157" s="8">
        <v>56041853</v>
      </c>
      <c r="M1157" s="8">
        <v>56044675</v>
      </c>
      <c r="N1157" s="12">
        <v>1</v>
      </c>
    </row>
    <row r="1158" spans="1:14" ht="128.25" x14ac:dyDescent="0.2">
      <c r="A1158" s="8" t="s">
        <v>3515</v>
      </c>
      <c r="B1158" s="8">
        <v>-0.10838704323843</v>
      </c>
      <c r="C1158" s="8">
        <v>5.8753015231190604</v>
      </c>
      <c r="D1158" s="8">
        <v>-2.39731970995813</v>
      </c>
      <c r="E1158" s="26">
        <v>2.57567916005885E-2</v>
      </c>
      <c r="F1158" s="8">
        <v>3.7102370897553298E-2</v>
      </c>
      <c r="G1158" s="8">
        <v>-6.0725283510900603</v>
      </c>
      <c r="H1158" s="8">
        <v>57470</v>
      </c>
      <c r="I1158" s="8" t="s">
        <v>3516</v>
      </c>
      <c r="J1158" s="11" t="s">
        <v>3517</v>
      </c>
      <c r="K1158" s="8">
        <v>1</v>
      </c>
      <c r="L1158" s="8">
        <v>3778558</v>
      </c>
      <c r="M1158" s="8">
        <v>3796504</v>
      </c>
      <c r="N1158" s="12">
        <v>-1</v>
      </c>
    </row>
    <row r="1159" spans="1:14" ht="99.75" x14ac:dyDescent="0.2">
      <c r="A1159" s="8" t="s">
        <v>3518</v>
      </c>
      <c r="B1159" s="8">
        <v>-0.10907958145588501</v>
      </c>
      <c r="C1159" s="8">
        <v>5.6850409416688503</v>
      </c>
      <c r="D1159" s="8">
        <v>-2.39233952325967</v>
      </c>
      <c r="E1159" s="26">
        <v>2.6031910535797901E-2</v>
      </c>
      <c r="F1159" s="8">
        <v>3.7470234089641799E-2</v>
      </c>
      <c r="G1159" s="8">
        <v>-6.05534976180875</v>
      </c>
      <c r="H1159" s="8">
        <v>10270</v>
      </c>
      <c r="I1159" s="8" t="s">
        <v>3519</v>
      </c>
      <c r="J1159" s="11" t="s">
        <v>3520</v>
      </c>
      <c r="K1159" s="8">
        <v>19</v>
      </c>
      <c r="L1159" s="8">
        <v>15353385</v>
      </c>
      <c r="M1159" s="8">
        <v>15379798</v>
      </c>
      <c r="N1159" s="12">
        <v>-1</v>
      </c>
    </row>
    <row r="1160" spans="1:14" ht="114" x14ac:dyDescent="0.2">
      <c r="A1160" s="8" t="s">
        <v>3521</v>
      </c>
      <c r="B1160" s="8">
        <v>9.8788145964014099E-2</v>
      </c>
      <c r="C1160" s="8">
        <v>7.0558624642495698</v>
      </c>
      <c r="D1160" s="8">
        <v>2.3921904847790301</v>
      </c>
      <c r="E1160" s="26">
        <v>2.6040185595944801E-2</v>
      </c>
      <c r="F1160" s="8">
        <v>3.7479302393192603E-2</v>
      </c>
      <c r="G1160" s="8">
        <v>-6.1928700592518897</v>
      </c>
      <c r="H1160" s="8">
        <v>3188</v>
      </c>
      <c r="I1160" s="8" t="s">
        <v>3522</v>
      </c>
      <c r="J1160" s="11" t="s">
        <v>3523</v>
      </c>
      <c r="K1160" s="8" t="s">
        <v>108</v>
      </c>
      <c r="L1160" s="8">
        <v>101408295</v>
      </c>
      <c r="M1160" s="8">
        <v>101414133</v>
      </c>
      <c r="N1160" s="12">
        <v>1</v>
      </c>
    </row>
    <row r="1161" spans="1:14" ht="142.5" x14ac:dyDescent="0.2">
      <c r="A1161" s="8" t="s">
        <v>3524</v>
      </c>
      <c r="B1161" s="8">
        <v>7.9490798217601202E-2</v>
      </c>
      <c r="C1161" s="8">
        <v>7.1421095237820396</v>
      </c>
      <c r="D1161" s="8">
        <v>2.3800807733332299</v>
      </c>
      <c r="E1161" s="26">
        <v>2.6720745961351999E-2</v>
      </c>
      <c r="F1161" s="8">
        <v>3.8383134971506798E-2</v>
      </c>
      <c r="G1161" s="8">
        <v>-6.2220428770477598</v>
      </c>
      <c r="H1161" s="8">
        <v>2197</v>
      </c>
      <c r="I1161" s="8" t="s">
        <v>3525</v>
      </c>
      <c r="J1161" s="11" t="s">
        <v>3526</v>
      </c>
      <c r="K1161" s="8">
        <v>11</v>
      </c>
      <c r="L1161" s="8">
        <v>65120628</v>
      </c>
      <c r="M1161" s="8">
        <v>65122473</v>
      </c>
      <c r="N1161" s="12">
        <v>-1</v>
      </c>
    </row>
    <row r="1162" spans="1:14" ht="142.5" x14ac:dyDescent="0.2">
      <c r="A1162" s="8" t="s">
        <v>3527</v>
      </c>
      <c r="B1162" s="8">
        <v>8.5536669861474096E-2</v>
      </c>
      <c r="C1162" s="8">
        <v>6.1104787490782098</v>
      </c>
      <c r="D1162" s="8">
        <v>2.3667919722784401</v>
      </c>
      <c r="E1162" s="26">
        <v>2.74864749896944E-2</v>
      </c>
      <c r="F1162" s="8">
        <v>3.9417428843000903E-2</v>
      </c>
      <c r="G1162" s="8">
        <v>-6.1641418734587896</v>
      </c>
      <c r="H1162" s="8">
        <v>51504</v>
      </c>
      <c r="I1162" s="8" t="s">
        <v>3528</v>
      </c>
      <c r="J1162" s="11" t="s">
        <v>3529</v>
      </c>
      <c r="K1162" s="8">
        <v>11</v>
      </c>
      <c r="L1162" s="8">
        <v>64316460</v>
      </c>
      <c r="M1162" s="8">
        <v>64318084</v>
      </c>
      <c r="N1162" s="12">
        <v>-1</v>
      </c>
    </row>
    <row r="1163" spans="1:14" ht="114" x14ac:dyDescent="0.2">
      <c r="A1163" s="8" t="s">
        <v>3530</v>
      </c>
      <c r="B1163" s="8">
        <v>0.100566410294725</v>
      </c>
      <c r="C1163" s="8">
        <v>5.2917398758231204</v>
      </c>
      <c r="D1163" s="8">
        <v>2.3635463680963902</v>
      </c>
      <c r="E1163" s="26">
        <v>2.7676549111957199E-2</v>
      </c>
      <c r="F1163" s="8">
        <v>3.9669023602538697E-2</v>
      </c>
      <c r="G1163" s="8">
        <v>-6.0506445270262601</v>
      </c>
      <c r="H1163" s="8">
        <v>84545</v>
      </c>
      <c r="I1163" s="8" t="s">
        <v>3531</v>
      </c>
      <c r="J1163" s="11" t="s">
        <v>3532</v>
      </c>
      <c r="K1163" s="8">
        <v>10</v>
      </c>
      <c r="L1163" s="8">
        <v>100969458</v>
      </c>
      <c r="M1163" s="8">
        <v>100987515</v>
      </c>
      <c r="N1163" s="12">
        <v>-1</v>
      </c>
    </row>
    <row r="1164" spans="1:14" ht="85.5" x14ac:dyDescent="0.2">
      <c r="A1164" s="8" t="s">
        <v>3533</v>
      </c>
      <c r="B1164" s="8">
        <v>0.15257556735922501</v>
      </c>
      <c r="C1164" s="8">
        <v>4.1348145301160297</v>
      </c>
      <c r="D1164" s="8">
        <v>2.3623103535198702</v>
      </c>
      <c r="E1164" s="26">
        <v>2.77492531338841E-2</v>
      </c>
      <c r="F1164" s="8">
        <v>3.9767223736725497E-2</v>
      </c>
      <c r="G1164" s="8">
        <v>-5.7965736995838197</v>
      </c>
      <c r="H1164" s="8">
        <v>2021</v>
      </c>
      <c r="I1164" s="8" t="s">
        <v>3534</v>
      </c>
      <c r="J1164" s="11" t="s">
        <v>3535</v>
      </c>
      <c r="K1164" s="8">
        <v>9</v>
      </c>
      <c r="L1164" s="8">
        <v>128818474</v>
      </c>
      <c r="M1164" s="8">
        <v>128822677</v>
      </c>
      <c r="N1164" s="12">
        <v>1</v>
      </c>
    </row>
    <row r="1165" spans="1:14" ht="128.25" x14ac:dyDescent="0.2">
      <c r="A1165" s="8" t="s">
        <v>3536</v>
      </c>
      <c r="B1165" s="8">
        <v>-0.112981297851206</v>
      </c>
      <c r="C1165" s="8">
        <v>6.1753427225278097</v>
      </c>
      <c r="D1165" s="8">
        <v>-2.3591470562669699</v>
      </c>
      <c r="E1165" s="26">
        <v>2.79361264300057E-2</v>
      </c>
      <c r="F1165" s="8">
        <v>4.0016898495034502E-2</v>
      </c>
      <c r="G1165" s="8">
        <v>-6.1838406073241696</v>
      </c>
      <c r="H1165" s="8">
        <v>84324</v>
      </c>
      <c r="I1165" s="8" t="s">
        <v>3537</v>
      </c>
      <c r="J1165" s="11" t="s">
        <v>3538</v>
      </c>
      <c r="K1165" s="8">
        <v>12</v>
      </c>
      <c r="L1165" s="8">
        <v>55752463</v>
      </c>
      <c r="M1165" s="8">
        <v>55817756</v>
      </c>
      <c r="N1165" s="12">
        <v>-1</v>
      </c>
    </row>
    <row r="1166" spans="1:14" ht="99.75" x14ac:dyDescent="0.2">
      <c r="A1166" s="8" t="s">
        <v>3539</v>
      </c>
      <c r="B1166" s="8">
        <v>0.100009109086687</v>
      </c>
      <c r="C1166" s="8">
        <v>7.1782276555252702</v>
      </c>
      <c r="D1166" s="8">
        <v>2.3588790080660398</v>
      </c>
      <c r="E1166" s="26">
        <v>2.7952014781780499E-2</v>
      </c>
      <c r="F1166" s="8">
        <v>4.0036635558445798E-2</v>
      </c>
      <c r="G1166" s="8">
        <v>-6.26603314803529</v>
      </c>
      <c r="H1166" s="8">
        <v>11260</v>
      </c>
      <c r="I1166" s="8" t="s">
        <v>3540</v>
      </c>
      <c r="J1166" s="11" t="s">
        <v>3541</v>
      </c>
      <c r="K1166" s="8">
        <v>12</v>
      </c>
      <c r="L1166" s="8">
        <v>64404350</v>
      </c>
      <c r="M1166" s="8">
        <v>64451127</v>
      </c>
      <c r="N1166" s="12">
        <v>1</v>
      </c>
    </row>
    <row r="1167" spans="1:14" ht="156.75" x14ac:dyDescent="0.2">
      <c r="A1167" s="8" t="s">
        <v>3542</v>
      </c>
      <c r="B1167" s="8">
        <v>0.12321552499690799</v>
      </c>
      <c r="C1167" s="8">
        <v>6.0788693875097204</v>
      </c>
      <c r="D1167" s="8">
        <v>2.3587058806428098</v>
      </c>
      <c r="E1167" s="26">
        <v>2.79622812104591E-2</v>
      </c>
      <c r="F1167" s="8">
        <v>4.0048317775915603E-2</v>
      </c>
      <c r="G1167" s="8">
        <v>-6.1767861122643204</v>
      </c>
      <c r="H1167" s="8">
        <v>26019</v>
      </c>
      <c r="I1167" s="8" t="s">
        <v>3543</v>
      </c>
      <c r="J1167" s="11" t="s">
        <v>3544</v>
      </c>
      <c r="K1167" s="8">
        <v>10</v>
      </c>
      <c r="L1167" s="8">
        <v>11920022</v>
      </c>
      <c r="M1167" s="8">
        <v>12043170</v>
      </c>
      <c r="N1167" s="12">
        <v>-1</v>
      </c>
    </row>
    <row r="1168" spans="1:14" ht="114" x14ac:dyDescent="0.2">
      <c r="A1168" s="8" t="s">
        <v>3545</v>
      </c>
      <c r="B1168" s="8">
        <v>0.12281985708333699</v>
      </c>
      <c r="C1168" s="8">
        <v>7.0828725643910504</v>
      </c>
      <c r="D1168" s="8">
        <v>2.3553277897445302</v>
      </c>
      <c r="E1168" s="26">
        <v>2.81632992826399E-2</v>
      </c>
      <c r="F1168" s="8">
        <v>4.0317963977569198E-2</v>
      </c>
      <c r="G1168" s="8">
        <v>-6.2671363139011804</v>
      </c>
      <c r="H1168" s="8">
        <v>51602</v>
      </c>
      <c r="I1168" s="8" t="s">
        <v>3546</v>
      </c>
      <c r="J1168" s="11" t="s">
        <v>3547</v>
      </c>
      <c r="K1168" s="8">
        <v>2</v>
      </c>
      <c r="L1168" s="8">
        <v>202265716</v>
      </c>
      <c r="M1168" s="8">
        <v>202303666</v>
      </c>
      <c r="N1168" s="12">
        <v>1</v>
      </c>
    </row>
    <row r="1169" spans="1:14" ht="99.75" x14ac:dyDescent="0.2">
      <c r="A1169" s="8" t="s">
        <v>3548</v>
      </c>
      <c r="B1169" s="8">
        <v>0.122440584567848</v>
      </c>
      <c r="C1169" s="8">
        <v>5.6277216943135997</v>
      </c>
      <c r="D1169" s="8">
        <v>2.3486953945545701</v>
      </c>
      <c r="E1169" s="26">
        <v>2.8561853862946601E-2</v>
      </c>
      <c r="F1169" s="8">
        <v>4.08546243127412E-2</v>
      </c>
      <c r="G1169" s="8">
        <v>-6.1361622000673997</v>
      </c>
      <c r="H1169" s="8">
        <v>1854</v>
      </c>
      <c r="I1169" s="8" t="s">
        <v>3549</v>
      </c>
      <c r="J1169" s="11" t="s">
        <v>3550</v>
      </c>
      <c r="K1169" s="8">
        <v>15</v>
      </c>
      <c r="L1169" s="8">
        <v>48331011</v>
      </c>
      <c r="M1169" s="8">
        <v>48343373</v>
      </c>
      <c r="N1169" s="12">
        <v>1</v>
      </c>
    </row>
    <row r="1170" spans="1:14" ht="114" x14ac:dyDescent="0.2">
      <c r="A1170" s="8" t="s">
        <v>3551</v>
      </c>
      <c r="B1170" s="8">
        <v>9.4050472963768797E-2</v>
      </c>
      <c r="C1170" s="8">
        <v>5.7799820812299796</v>
      </c>
      <c r="D1170" s="8">
        <v>2.3383734247183301</v>
      </c>
      <c r="E1170" s="26">
        <v>2.91924807664685E-2</v>
      </c>
      <c r="F1170" s="8">
        <v>4.1700090892380297E-2</v>
      </c>
      <c r="G1170" s="8">
        <v>-6.1782464615121597</v>
      </c>
      <c r="H1170" s="8">
        <v>64969</v>
      </c>
      <c r="I1170" s="8" t="s">
        <v>3552</v>
      </c>
      <c r="J1170" s="11" t="s">
        <v>3553</v>
      </c>
      <c r="K1170" s="8">
        <v>2</v>
      </c>
      <c r="L1170" s="8">
        <v>95087207</v>
      </c>
      <c r="M1170" s="8">
        <v>95149434</v>
      </c>
      <c r="N1170" s="12">
        <v>-1</v>
      </c>
    </row>
    <row r="1171" spans="1:14" ht="142.5" x14ac:dyDescent="0.2">
      <c r="A1171" s="8" t="s">
        <v>3554</v>
      </c>
      <c r="B1171" s="8">
        <v>0.158845556257279</v>
      </c>
      <c r="C1171" s="8">
        <v>3.9634827897806102</v>
      </c>
      <c r="D1171" s="8">
        <v>2.3379295099909401</v>
      </c>
      <c r="E1171" s="26">
        <v>2.9219887668221499E-2</v>
      </c>
      <c r="F1171" s="8">
        <v>4.1726676821419201E-2</v>
      </c>
      <c r="G1171" s="8">
        <v>-5.7997599200679399</v>
      </c>
      <c r="H1171" s="8">
        <v>55323</v>
      </c>
      <c r="I1171" s="8" t="s">
        <v>3555</v>
      </c>
      <c r="J1171" s="11" t="s">
        <v>3556</v>
      </c>
      <c r="K1171" s="8">
        <v>15</v>
      </c>
      <c r="L1171" s="8">
        <v>70829130</v>
      </c>
      <c r="M1171" s="8">
        <v>70854159</v>
      </c>
      <c r="N1171" s="12">
        <v>-1</v>
      </c>
    </row>
    <row r="1172" spans="1:14" ht="142.5" x14ac:dyDescent="0.2">
      <c r="A1172" s="8" t="s">
        <v>3557</v>
      </c>
      <c r="B1172" s="8">
        <v>9.4304430549168899E-2</v>
      </c>
      <c r="C1172" s="8">
        <v>6.9822186633419099</v>
      </c>
      <c r="D1172" s="8">
        <v>2.3352302167125298</v>
      </c>
      <c r="E1172" s="26">
        <v>2.93870506608492E-2</v>
      </c>
      <c r="F1172" s="8">
        <v>4.1952761633260699E-2</v>
      </c>
      <c r="G1172" s="8">
        <v>-6.2997079557264497</v>
      </c>
      <c r="H1172" s="8">
        <v>9410</v>
      </c>
      <c r="I1172" s="8" t="s">
        <v>3558</v>
      </c>
      <c r="J1172" s="11" t="s">
        <v>3559</v>
      </c>
      <c r="K1172" s="8">
        <v>1</v>
      </c>
      <c r="L1172" s="8">
        <v>31259568</v>
      </c>
      <c r="M1172" s="8">
        <v>31296782</v>
      </c>
      <c r="N1172" s="12">
        <v>-1</v>
      </c>
    </row>
    <row r="1173" spans="1:14" ht="128.25" x14ac:dyDescent="0.2">
      <c r="A1173" s="8" t="s">
        <v>3560</v>
      </c>
      <c r="B1173" s="8">
        <v>0.125639853995514</v>
      </c>
      <c r="C1173" s="8">
        <v>5.78657140764175</v>
      </c>
      <c r="D1173" s="8">
        <v>2.3251740364721298</v>
      </c>
      <c r="E1173" s="26">
        <v>3.0017597708754801E-2</v>
      </c>
      <c r="F1173" s="8">
        <v>4.27917632000481E-2</v>
      </c>
      <c r="G1173" s="8">
        <v>-6.20524664756186</v>
      </c>
      <c r="H1173" s="8">
        <v>127253</v>
      </c>
      <c r="I1173" s="8" t="s">
        <v>3561</v>
      </c>
      <c r="J1173" s="11" t="s">
        <v>3562</v>
      </c>
      <c r="K1173" s="8">
        <v>1</v>
      </c>
      <c r="L1173" s="8">
        <v>74733152</v>
      </c>
      <c r="M1173" s="8">
        <v>74766678</v>
      </c>
      <c r="N1173" s="12">
        <v>1</v>
      </c>
    </row>
    <row r="1174" spans="1:14" ht="128.25" x14ac:dyDescent="0.2">
      <c r="A1174" s="8" t="s">
        <v>3563</v>
      </c>
      <c r="B1174" s="8">
        <v>0.16072012678268099</v>
      </c>
      <c r="C1174" s="8">
        <v>5.9410133486696903</v>
      </c>
      <c r="D1174" s="8">
        <v>2.31859302666928</v>
      </c>
      <c r="E1174" s="26">
        <v>3.0436959734995599E-2</v>
      </c>
      <c r="F1174" s="8">
        <v>4.3347255901764498E-2</v>
      </c>
      <c r="G1174" s="8">
        <v>-6.2387325793459603</v>
      </c>
      <c r="H1174" s="8">
        <v>83743</v>
      </c>
      <c r="I1174" s="8" t="s">
        <v>3564</v>
      </c>
      <c r="J1174" s="11" t="s">
        <v>3565</v>
      </c>
      <c r="K1174" s="8">
        <v>19</v>
      </c>
      <c r="L1174" s="8">
        <v>48445773</v>
      </c>
      <c r="M1174" s="8">
        <v>48457022</v>
      </c>
      <c r="N1174" s="12">
        <v>1</v>
      </c>
    </row>
    <row r="1175" spans="1:14" ht="114" x14ac:dyDescent="0.2">
      <c r="A1175" s="8" t="s">
        <v>3566</v>
      </c>
      <c r="B1175" s="8">
        <v>0.24151904925524101</v>
      </c>
      <c r="C1175" s="8">
        <v>2.6411931963151898</v>
      </c>
      <c r="D1175" s="8">
        <v>2.3180507560051899</v>
      </c>
      <c r="E1175" s="26">
        <v>3.0471754131339499E-2</v>
      </c>
      <c r="F1175" s="8">
        <v>4.3393552315055497E-2</v>
      </c>
      <c r="G1175" s="8">
        <v>-5.4745249252797104</v>
      </c>
      <c r="H1175" s="8">
        <v>548644</v>
      </c>
      <c r="I1175" s="8" t="s">
        <v>3567</v>
      </c>
      <c r="J1175" s="11" t="s">
        <v>3568</v>
      </c>
      <c r="K1175" s="8">
        <v>7</v>
      </c>
      <c r="L1175" s="8">
        <v>102537918</v>
      </c>
      <c r="M1175" s="8">
        <v>102572656</v>
      </c>
      <c r="N1175" s="12">
        <v>-1</v>
      </c>
    </row>
    <row r="1176" spans="1:14" ht="142.5" x14ac:dyDescent="0.2">
      <c r="A1176" s="8" t="s">
        <v>3569</v>
      </c>
      <c r="B1176" s="8">
        <v>0.13622419703410299</v>
      </c>
      <c r="C1176" s="8">
        <v>5.1338281575810196</v>
      </c>
      <c r="D1176" s="8">
        <v>2.3161000126288398</v>
      </c>
      <c r="E1176" s="26">
        <v>3.0597224897048799E-2</v>
      </c>
      <c r="F1176" s="8">
        <v>4.3559155054110697E-2</v>
      </c>
      <c r="G1176" s="8">
        <v>-6.11408170238085</v>
      </c>
      <c r="H1176" s="8">
        <v>10248</v>
      </c>
      <c r="I1176" s="8" t="s">
        <v>3570</v>
      </c>
      <c r="J1176" s="11" t="s">
        <v>3571</v>
      </c>
      <c r="K1176" s="8">
        <v>7</v>
      </c>
      <c r="L1176" s="8">
        <v>100706053</v>
      </c>
      <c r="M1176" s="8">
        <v>100707495</v>
      </c>
      <c r="N1176" s="12">
        <v>1</v>
      </c>
    </row>
    <row r="1177" spans="1:14" ht="99.75" x14ac:dyDescent="0.2">
      <c r="A1177" s="8" t="s">
        <v>3572</v>
      </c>
      <c r="B1177" s="8">
        <v>9.4472525197352802E-2</v>
      </c>
      <c r="C1177" s="8">
        <v>6.0617885143781596</v>
      </c>
      <c r="D1177" s="8">
        <v>2.3070225474116</v>
      </c>
      <c r="E1177" s="26">
        <v>3.1187355299060401E-2</v>
      </c>
      <c r="F1177" s="8">
        <v>4.4342731813161701E-2</v>
      </c>
      <c r="G1177" s="8">
        <v>-6.27502880836101</v>
      </c>
      <c r="H1177" s="8">
        <v>149986</v>
      </c>
      <c r="I1177" s="8" t="s">
        <v>3573</v>
      </c>
      <c r="J1177" s="11" t="s">
        <v>3574</v>
      </c>
      <c r="K1177" s="8">
        <v>20</v>
      </c>
      <c r="L1177" s="8">
        <v>62122461</v>
      </c>
      <c r="M1177" s="8">
        <v>62135378</v>
      </c>
      <c r="N1177" s="12">
        <v>1</v>
      </c>
    </row>
    <row r="1178" spans="1:14" ht="99.75" x14ac:dyDescent="0.2">
      <c r="A1178" s="8" t="s">
        <v>3575</v>
      </c>
      <c r="B1178" s="8">
        <v>9.4881641825739202E-2</v>
      </c>
      <c r="C1178" s="8">
        <v>6.0331085813696204</v>
      </c>
      <c r="D1178" s="8">
        <v>2.3047337367870102</v>
      </c>
      <c r="E1178" s="26">
        <v>3.1337794254091098E-2</v>
      </c>
      <c r="F1178" s="8">
        <v>4.4543279271956199E-2</v>
      </c>
      <c r="G1178" s="8">
        <v>-6.2761754414352797</v>
      </c>
      <c r="H1178" s="8">
        <v>79066</v>
      </c>
      <c r="I1178" s="8" t="s">
        <v>3576</v>
      </c>
      <c r="J1178" s="11" t="s">
        <v>3577</v>
      </c>
      <c r="K1178" s="8">
        <v>17</v>
      </c>
      <c r="L1178" s="8">
        <v>2405562</v>
      </c>
      <c r="M1178" s="8">
        <v>2511891</v>
      </c>
      <c r="N1178" s="12">
        <v>-1</v>
      </c>
    </row>
    <row r="1179" spans="1:14" ht="99.75" x14ac:dyDescent="0.2">
      <c r="A1179" s="8" t="s">
        <v>3578</v>
      </c>
      <c r="B1179" s="8">
        <v>0.11055103421637601</v>
      </c>
      <c r="C1179" s="8">
        <v>8.3224316916023398</v>
      </c>
      <c r="D1179" s="8">
        <v>2.3017492598618698</v>
      </c>
      <c r="E1179" s="26">
        <v>3.15349594367876E-2</v>
      </c>
      <c r="F1179" s="8">
        <v>4.4800039319652499E-2</v>
      </c>
      <c r="G1179" s="8">
        <v>-6.4422039165344698</v>
      </c>
      <c r="H1179" s="8">
        <v>25873</v>
      </c>
      <c r="I1179" s="8" t="s">
        <v>3579</v>
      </c>
      <c r="J1179" s="11" t="s">
        <v>3580</v>
      </c>
      <c r="K1179" s="8">
        <v>19</v>
      </c>
      <c r="L1179" s="8">
        <v>5674947</v>
      </c>
      <c r="M1179" s="8">
        <v>5691876</v>
      </c>
      <c r="N1179" s="12">
        <v>1</v>
      </c>
    </row>
    <row r="1180" spans="1:14" ht="99.75" x14ac:dyDescent="0.2">
      <c r="A1180" s="8" t="s">
        <v>3581</v>
      </c>
      <c r="B1180" s="8">
        <v>0.10254624818955101</v>
      </c>
      <c r="C1180" s="8">
        <v>8.1182793323683509</v>
      </c>
      <c r="D1180" s="8">
        <v>2.2913342415328102</v>
      </c>
      <c r="E1180" s="26">
        <v>3.2231971042169502E-2</v>
      </c>
      <c r="F1180" s="8">
        <v>4.5704708545711001E-2</v>
      </c>
      <c r="G1180" s="8">
        <v>-6.4513098597479503</v>
      </c>
      <c r="H1180" s="8">
        <v>167227</v>
      </c>
      <c r="I1180" s="8" t="s">
        <v>3582</v>
      </c>
      <c r="J1180" s="11" t="s">
        <v>3583</v>
      </c>
      <c r="K1180" s="8">
        <v>5</v>
      </c>
      <c r="L1180" s="8">
        <v>112976702</v>
      </c>
      <c r="M1180" s="8">
        <v>113020970</v>
      </c>
      <c r="N1180" s="12">
        <v>1</v>
      </c>
    </row>
    <row r="1181" spans="1:14" ht="99.75" x14ac:dyDescent="0.2">
      <c r="A1181" s="8" t="s">
        <v>3584</v>
      </c>
      <c r="B1181" s="8">
        <v>0.147962009195751</v>
      </c>
      <c r="C1181" s="8">
        <v>5.3765354008351398</v>
      </c>
      <c r="D1181" s="8">
        <v>2.26618067464692</v>
      </c>
      <c r="E1181" s="26">
        <v>3.3974014434777801E-2</v>
      </c>
      <c r="F1181" s="8">
        <v>4.7992025601367998E-2</v>
      </c>
      <c r="G1181" s="8">
        <v>-6.2548154393934698</v>
      </c>
      <c r="H1181" s="8">
        <v>57647</v>
      </c>
      <c r="I1181" s="8" t="s">
        <v>3585</v>
      </c>
      <c r="J1181" s="11" t="s">
        <v>3586</v>
      </c>
      <c r="K1181" s="8">
        <v>12</v>
      </c>
      <c r="L1181" s="8">
        <v>124946825</v>
      </c>
      <c r="M1181" s="8">
        <v>124989122</v>
      </c>
      <c r="N1181" s="12">
        <v>-1</v>
      </c>
    </row>
    <row r="1182" spans="1:14" ht="171" x14ac:dyDescent="0.2">
      <c r="A1182" s="8" t="s">
        <v>3587</v>
      </c>
      <c r="B1182" s="8">
        <v>9.8423124170547993E-2</v>
      </c>
      <c r="C1182" s="8">
        <v>5.6728887792583098</v>
      </c>
      <c r="D1182" s="8">
        <v>2.2630093262591502</v>
      </c>
      <c r="E1182" s="26">
        <v>3.4199668274378398E-2</v>
      </c>
      <c r="F1182" s="8">
        <v>4.8282034283802899E-2</v>
      </c>
      <c r="G1182" s="8">
        <v>-6.3082787212178904</v>
      </c>
      <c r="H1182" s="8">
        <v>56478</v>
      </c>
      <c r="I1182" s="8" t="s">
        <v>3588</v>
      </c>
      <c r="J1182" s="11" t="s">
        <v>3589</v>
      </c>
      <c r="K1182" s="8">
        <v>22</v>
      </c>
      <c r="L1182" s="8">
        <v>31436977</v>
      </c>
      <c r="M1182" s="8">
        <v>31496108</v>
      </c>
      <c r="N1182" s="12">
        <v>-1</v>
      </c>
    </row>
    <row r="1183" spans="1:14" ht="114" x14ac:dyDescent="0.2">
      <c r="A1183" s="8" t="s">
        <v>3590</v>
      </c>
      <c r="B1183" s="8">
        <v>7.8741223682347303E-2</v>
      </c>
      <c r="C1183" s="8">
        <v>7.5329652578298099</v>
      </c>
      <c r="D1183" s="8">
        <v>2.25397564025495</v>
      </c>
      <c r="E1183" s="26">
        <v>3.48499892629189E-2</v>
      </c>
      <c r="F1183" s="8">
        <v>4.91343422171183E-2</v>
      </c>
      <c r="G1183" s="8">
        <v>-6.4897583582047202</v>
      </c>
      <c r="H1183" s="8" t="s">
        <v>3591</v>
      </c>
      <c r="I1183" s="8" t="s">
        <v>3592</v>
      </c>
      <c r="J1183" s="11" t="s">
        <v>3593</v>
      </c>
      <c r="K1183" s="8">
        <v>15</v>
      </c>
      <c r="L1183" s="8">
        <v>92900189</v>
      </c>
      <c r="M1183" s="8">
        <v>93028005</v>
      </c>
      <c r="N1183" s="12">
        <v>1</v>
      </c>
    </row>
    <row r="1184" spans="1:14" ht="99.75" x14ac:dyDescent="0.2">
      <c r="A1184" s="8" t="s">
        <v>3594</v>
      </c>
      <c r="B1184" s="8">
        <v>-0.185155795972197</v>
      </c>
      <c r="C1184" s="8">
        <v>2.9457579320365199</v>
      </c>
      <c r="D1184" s="8">
        <v>-2.2532990347977</v>
      </c>
      <c r="E1184" s="26">
        <v>3.4899149436102103E-2</v>
      </c>
      <c r="F1184" s="8">
        <v>4.91999969429395E-2</v>
      </c>
      <c r="G1184" s="8">
        <v>-5.6733070756338098</v>
      </c>
      <c r="H1184" s="8">
        <v>84321</v>
      </c>
      <c r="I1184" s="8" t="s">
        <v>3595</v>
      </c>
      <c r="J1184" s="11" t="s">
        <v>3596</v>
      </c>
      <c r="K1184" s="8">
        <v>5</v>
      </c>
      <c r="L1184" s="8">
        <v>175917873</v>
      </c>
      <c r="M1184" s="8">
        <v>176034680</v>
      </c>
      <c r="N1184" s="12">
        <v>-1</v>
      </c>
    </row>
    <row r="1185" spans="1:14" ht="99.75" x14ac:dyDescent="0.2">
      <c r="A1185" s="8" t="s">
        <v>3597</v>
      </c>
      <c r="B1185" s="8">
        <v>-0.51545713586677799</v>
      </c>
      <c r="C1185" s="8">
        <v>0.441506086953389</v>
      </c>
      <c r="D1185" s="8">
        <v>-2.2514421970198599</v>
      </c>
      <c r="E1185" s="26">
        <v>3.5034387803394802E-2</v>
      </c>
      <c r="F1185" s="8">
        <v>4.9383315557084001E-2</v>
      </c>
      <c r="G1185" s="8">
        <v>-4.9556263000647496</v>
      </c>
      <c r="H1185" s="8">
        <v>7373</v>
      </c>
      <c r="I1185" s="8" t="s">
        <v>3598</v>
      </c>
      <c r="J1185" s="11" t="s">
        <v>3599</v>
      </c>
      <c r="K1185" s="8">
        <v>8</v>
      </c>
      <c r="L1185" s="8">
        <v>120059780</v>
      </c>
      <c r="M1185" s="8">
        <v>120372036</v>
      </c>
      <c r="N1185" s="12">
        <v>1</v>
      </c>
    </row>
    <row r="1186" spans="1:14" ht="128.25" x14ac:dyDescent="0.2">
      <c r="A1186" s="8" t="s">
        <v>3600</v>
      </c>
      <c r="B1186" s="8">
        <v>-0.29697385922884301</v>
      </c>
      <c r="C1186" s="8">
        <v>0.93387432805423898</v>
      </c>
      <c r="D1186" s="8">
        <v>-2.2493398912371201</v>
      </c>
      <c r="E1186" s="26">
        <v>3.5188082451485699E-2</v>
      </c>
      <c r="F1186" s="8">
        <v>4.9581544452171299E-2</v>
      </c>
      <c r="G1186" s="8">
        <v>-5.10022823703983</v>
      </c>
      <c r="H1186" s="8" t="s">
        <v>3601</v>
      </c>
      <c r="I1186" s="8" t="s">
        <v>3602</v>
      </c>
      <c r="J1186" s="11" t="s">
        <v>3603</v>
      </c>
      <c r="K1186" s="8">
        <v>16</v>
      </c>
      <c r="L1186" s="8">
        <v>68229111</v>
      </c>
      <c r="M1186" s="8">
        <v>68238102</v>
      </c>
      <c r="N1186" s="12">
        <v>-1</v>
      </c>
    </row>
    <row r="1187" spans="1:14" ht="128.25" x14ac:dyDescent="0.2">
      <c r="A1187" s="8" t="s">
        <v>3604</v>
      </c>
      <c r="B1187" s="8">
        <v>0.10170565659830599</v>
      </c>
      <c r="C1187" s="8">
        <v>7.12785727730187</v>
      </c>
      <c r="D1187" s="8">
        <v>2.2482964688003499</v>
      </c>
      <c r="E1187" s="26">
        <v>3.5264593255822402E-2</v>
      </c>
      <c r="F1187" s="8">
        <v>4.9685662351751599E-2</v>
      </c>
      <c r="G1187" s="8">
        <v>-6.4763176229200399</v>
      </c>
      <c r="H1187" s="8">
        <v>55720</v>
      </c>
      <c r="I1187" s="8" t="s">
        <v>3605</v>
      </c>
      <c r="J1187" s="11" t="s">
        <v>3606</v>
      </c>
      <c r="K1187" s="8">
        <v>17</v>
      </c>
      <c r="L1187" s="8">
        <v>2322503</v>
      </c>
      <c r="M1187" s="8">
        <v>2337507</v>
      </c>
      <c r="N1187" s="12">
        <v>-1</v>
      </c>
    </row>
    <row r="1188" spans="1:14" ht="99.75" x14ac:dyDescent="0.2">
      <c r="A1188" s="8" t="s">
        <v>3607</v>
      </c>
      <c r="B1188" s="8">
        <v>0.125633426131534</v>
      </c>
      <c r="C1188" s="8">
        <v>7.3704532425872102</v>
      </c>
      <c r="D1188" s="8">
        <v>2.2461025489835502</v>
      </c>
      <c r="E1188" s="26">
        <v>3.5425962495494102E-2</v>
      </c>
      <c r="F1188" s="8">
        <v>4.9890797052095898E-2</v>
      </c>
      <c r="G1188" s="8">
        <v>-6.49542452084851</v>
      </c>
      <c r="H1188" s="8">
        <v>708</v>
      </c>
      <c r="I1188" s="8" t="s">
        <v>3608</v>
      </c>
      <c r="J1188" s="11" t="s">
        <v>3609</v>
      </c>
      <c r="K1188" s="8">
        <v>17</v>
      </c>
      <c r="L1188" s="8">
        <v>5432777</v>
      </c>
      <c r="M1188" s="8">
        <v>5448830</v>
      </c>
      <c r="N1188" s="12">
        <v>-1</v>
      </c>
    </row>
    <row r="1189" spans="1:14" ht="156.75" x14ac:dyDescent="0.2">
      <c r="A1189" s="8" t="s">
        <v>3610</v>
      </c>
      <c r="B1189" s="8">
        <v>-0.18799519884822199</v>
      </c>
      <c r="C1189" s="8">
        <v>3.7537047751161299</v>
      </c>
      <c r="D1189" s="8">
        <v>-2.2430220613913199</v>
      </c>
      <c r="E1189" s="26">
        <v>3.5653680342352098E-2</v>
      </c>
      <c r="F1189" s="8">
        <v>5.0170539215246703E-2</v>
      </c>
      <c r="G1189" s="8">
        <v>-5.9165195621875304</v>
      </c>
      <c r="H1189" s="8">
        <v>10667</v>
      </c>
      <c r="I1189" s="8" t="s">
        <v>3611</v>
      </c>
      <c r="J1189" s="11" t="s">
        <v>3612</v>
      </c>
      <c r="K1189" s="8">
        <v>6</v>
      </c>
      <c r="L1189" s="8">
        <v>5261044</v>
      </c>
      <c r="M1189" s="8">
        <v>5771580</v>
      </c>
      <c r="N1189" s="12">
        <v>1</v>
      </c>
    </row>
    <row r="1190" spans="1:14" ht="128.25" x14ac:dyDescent="0.2">
      <c r="A1190" s="8" t="s">
        <v>3613</v>
      </c>
      <c r="B1190" s="8">
        <v>0.102425420908585</v>
      </c>
      <c r="C1190" s="8">
        <v>6.9718354366697897</v>
      </c>
      <c r="D1190" s="8">
        <v>2.2401217388815802</v>
      </c>
      <c r="E1190" s="26">
        <v>3.58693012554787E-2</v>
      </c>
      <c r="F1190" s="8">
        <v>5.04440291926204E-2</v>
      </c>
      <c r="G1190" s="8">
        <v>-6.4818674871145898</v>
      </c>
      <c r="H1190" s="8">
        <v>23264</v>
      </c>
      <c r="I1190" s="8" t="s">
        <v>3614</v>
      </c>
      <c r="J1190" s="11" t="s">
        <v>3615</v>
      </c>
      <c r="K1190" s="8">
        <v>22</v>
      </c>
      <c r="L1190" s="8">
        <v>41301522</v>
      </c>
      <c r="M1190" s="8">
        <v>41360147</v>
      </c>
      <c r="N1190" s="12">
        <v>1</v>
      </c>
    </row>
    <row r="1191" spans="1:14" ht="128.25" x14ac:dyDescent="0.2">
      <c r="A1191" s="8" t="s">
        <v>3616</v>
      </c>
      <c r="B1191" s="8">
        <v>0.14249476696293401</v>
      </c>
      <c r="C1191" s="8">
        <v>4.3278317392048402</v>
      </c>
      <c r="D1191" s="8">
        <v>2.2396343194210302</v>
      </c>
      <c r="E1191" s="26">
        <v>3.5905654528263199E-2</v>
      </c>
      <c r="F1191" s="8">
        <v>5.0491412077276802E-2</v>
      </c>
      <c r="G1191" s="8">
        <v>-6.0814793892255299</v>
      </c>
      <c r="H1191" s="8">
        <v>8487</v>
      </c>
      <c r="I1191" s="8" t="s">
        <v>3617</v>
      </c>
      <c r="J1191" s="11" t="s">
        <v>3618</v>
      </c>
      <c r="K1191" s="8">
        <v>14</v>
      </c>
      <c r="L1191" s="8">
        <v>39114223</v>
      </c>
      <c r="M1191" s="8">
        <v>39136973</v>
      </c>
      <c r="N1191" s="12">
        <v>1</v>
      </c>
    </row>
    <row r="1192" spans="1:14" ht="99.75" x14ac:dyDescent="0.2">
      <c r="A1192" s="8" t="s">
        <v>3619</v>
      </c>
      <c r="B1192" s="8">
        <v>0.11594203736542701</v>
      </c>
      <c r="C1192" s="8">
        <v>5.9100426638290999</v>
      </c>
      <c r="D1192" s="8">
        <v>2.2385819963806202</v>
      </c>
      <c r="E1192" s="26">
        <v>3.5984254843150598E-2</v>
      </c>
      <c r="F1192" s="8">
        <v>5.0594443517705402E-2</v>
      </c>
      <c r="G1192" s="8">
        <v>-6.38774980767099</v>
      </c>
      <c r="H1192" s="8">
        <v>22868</v>
      </c>
      <c r="I1192" s="8" t="s">
        <v>3620</v>
      </c>
      <c r="J1192" s="11" t="s">
        <v>3621</v>
      </c>
      <c r="K1192" s="8">
        <v>2</v>
      </c>
      <c r="L1192" s="8">
        <v>206765357</v>
      </c>
      <c r="M1192" s="8">
        <v>206792509</v>
      </c>
      <c r="N1192" s="12">
        <v>1</v>
      </c>
    </row>
    <row r="1193" spans="1:14" ht="128.25" x14ac:dyDescent="0.2">
      <c r="A1193" s="8" t="s">
        <v>3622</v>
      </c>
      <c r="B1193" s="8">
        <v>0.125790607372569</v>
      </c>
      <c r="C1193" s="8">
        <v>5.3528475913245597</v>
      </c>
      <c r="D1193" s="8">
        <v>2.2379677734440402</v>
      </c>
      <c r="E1193" s="26">
        <v>3.6030205085415802E-2</v>
      </c>
      <c r="F1193" s="8">
        <v>5.0651544700047103E-2</v>
      </c>
      <c r="G1193" s="8">
        <v>-6.304113213261</v>
      </c>
      <c r="H1193" s="8">
        <v>339230</v>
      </c>
      <c r="I1193" s="8" t="s">
        <v>3623</v>
      </c>
      <c r="J1193" s="11" t="s">
        <v>3624</v>
      </c>
      <c r="K1193" s="8">
        <v>17</v>
      </c>
      <c r="L1193" s="8">
        <v>81666364</v>
      </c>
      <c r="M1193" s="8">
        <v>81673904</v>
      </c>
      <c r="N1193" s="12">
        <v>1</v>
      </c>
    </row>
    <row r="1194" spans="1:14" ht="128.25" x14ac:dyDescent="0.2">
      <c r="A1194" s="8" t="s">
        <v>3625</v>
      </c>
      <c r="B1194" s="8">
        <v>9.5097403392004204E-2</v>
      </c>
      <c r="C1194" s="8">
        <v>5.2294406009102303</v>
      </c>
      <c r="D1194" s="8">
        <v>2.2357281549006598</v>
      </c>
      <c r="E1194" s="26">
        <v>3.6198205939767303E-2</v>
      </c>
      <c r="F1194" s="8">
        <v>5.0876414910306901E-2</v>
      </c>
      <c r="G1194" s="8">
        <v>-6.2854288566758703</v>
      </c>
      <c r="H1194" s="8">
        <v>203069</v>
      </c>
      <c r="I1194" s="8" t="s">
        <v>3626</v>
      </c>
      <c r="J1194" s="11" t="s">
        <v>3627</v>
      </c>
      <c r="K1194" s="8">
        <v>8</v>
      </c>
      <c r="L1194" s="8">
        <v>23270120</v>
      </c>
      <c r="M1194" s="8">
        <v>23296279</v>
      </c>
      <c r="N1194" s="12">
        <v>1</v>
      </c>
    </row>
    <row r="1195" spans="1:14" ht="142.5" x14ac:dyDescent="0.2">
      <c r="A1195" s="8" t="s">
        <v>3628</v>
      </c>
      <c r="B1195" s="8">
        <v>-0.12865918094173301</v>
      </c>
      <c r="C1195" s="8">
        <v>4.3638363193008498</v>
      </c>
      <c r="D1195" s="8">
        <v>-2.2355586448279401</v>
      </c>
      <c r="E1195" s="26">
        <v>3.6210950490990601E-2</v>
      </c>
      <c r="F1195" s="8">
        <v>5.0887112215420499E-2</v>
      </c>
      <c r="G1195" s="8">
        <v>-6.0911380705370997</v>
      </c>
      <c r="H1195" s="8">
        <v>54883</v>
      </c>
      <c r="I1195" s="8" t="s">
        <v>3629</v>
      </c>
      <c r="J1195" s="11" t="s">
        <v>3630</v>
      </c>
      <c r="K1195" s="8">
        <v>17</v>
      </c>
      <c r="L1195" s="8">
        <v>38800434</v>
      </c>
      <c r="M1195" s="8">
        <v>38825481</v>
      </c>
      <c r="N1195" s="12">
        <v>-1</v>
      </c>
    </row>
    <row r="1196" spans="1:14" ht="128.25" x14ac:dyDescent="0.2">
      <c r="A1196" s="8" t="s">
        <v>3631</v>
      </c>
      <c r="B1196" s="8">
        <v>8.8401879028509697E-2</v>
      </c>
      <c r="C1196" s="8">
        <v>7.40085154323459</v>
      </c>
      <c r="D1196" s="8">
        <v>2.22149471499434</v>
      </c>
      <c r="E1196" s="26">
        <v>3.7282716616822503E-2</v>
      </c>
      <c r="F1196" s="8">
        <v>5.2284519157363298E-2</v>
      </c>
      <c r="G1196" s="8">
        <v>-6.5436444112586303</v>
      </c>
      <c r="H1196" s="8">
        <v>55629</v>
      </c>
      <c r="I1196" s="8" t="s">
        <v>3632</v>
      </c>
      <c r="J1196" s="11" t="s">
        <v>3633</v>
      </c>
      <c r="K1196" s="8">
        <v>1</v>
      </c>
      <c r="L1196" s="8">
        <v>23959109</v>
      </c>
      <c r="M1196" s="8">
        <v>23963462</v>
      </c>
      <c r="N1196" s="12">
        <v>1</v>
      </c>
    </row>
    <row r="1197" spans="1:14" ht="99.75" x14ac:dyDescent="0.2">
      <c r="A1197" s="8" t="s">
        <v>3634</v>
      </c>
      <c r="B1197" s="8">
        <v>-0.12570695435814799</v>
      </c>
      <c r="C1197" s="8">
        <v>6.1623094106676604</v>
      </c>
      <c r="D1197" s="8">
        <v>-2.2206399732111302</v>
      </c>
      <c r="E1197" s="26">
        <v>3.7348776849248699E-2</v>
      </c>
      <c r="F1197" s="8">
        <v>5.2373290347165598E-2</v>
      </c>
      <c r="G1197" s="8">
        <v>-6.4485493413425097</v>
      </c>
      <c r="H1197" s="8">
        <v>5441</v>
      </c>
      <c r="I1197" s="8" t="s">
        <v>3635</v>
      </c>
      <c r="J1197" s="11" t="s">
        <v>3636</v>
      </c>
      <c r="K1197" s="8">
        <v>11</v>
      </c>
      <c r="L1197" s="8">
        <v>837356</v>
      </c>
      <c r="M1197" s="8">
        <v>842545</v>
      </c>
      <c r="N1197" s="12">
        <v>-1</v>
      </c>
    </row>
    <row r="1198" spans="1:14" ht="128.25" x14ac:dyDescent="0.2">
      <c r="A1198" s="8" t="s">
        <v>3637</v>
      </c>
      <c r="B1198" s="8">
        <v>0.31523693569024303</v>
      </c>
      <c r="C1198" s="8">
        <v>0.92821022595793501</v>
      </c>
      <c r="D1198" s="8">
        <v>2.2199137478165198</v>
      </c>
      <c r="E1198" s="26">
        <v>3.7404988284079899E-2</v>
      </c>
      <c r="F1198" s="8">
        <v>5.24366153997919E-2</v>
      </c>
      <c r="G1198" s="8">
        <v>-5.1709674826732304</v>
      </c>
      <c r="H1198" s="8" t="s">
        <v>3638</v>
      </c>
      <c r="I1198" s="8" t="s">
        <v>3639</v>
      </c>
      <c r="J1198" s="11" t="s">
        <v>3640</v>
      </c>
      <c r="K1198" s="8">
        <v>5</v>
      </c>
      <c r="L1198" s="8">
        <v>70925030</v>
      </c>
      <c r="M1198" s="8">
        <v>70953942</v>
      </c>
      <c r="N1198" s="12">
        <v>1</v>
      </c>
    </row>
    <row r="1199" spans="1:14" ht="128.25" x14ac:dyDescent="0.2">
      <c r="A1199" s="8" t="s">
        <v>3641</v>
      </c>
      <c r="B1199" s="8">
        <v>-0.14128398208693199</v>
      </c>
      <c r="C1199" s="8">
        <v>6.2404020151066799</v>
      </c>
      <c r="D1199" s="8">
        <v>-2.2173203513891599</v>
      </c>
      <c r="E1199" s="26">
        <v>3.7606352750884003E-2</v>
      </c>
      <c r="F1199" s="8">
        <v>5.2703327387454903E-2</v>
      </c>
      <c r="G1199" s="8">
        <v>-6.4630636485006798</v>
      </c>
      <c r="H1199" s="8">
        <v>3336</v>
      </c>
      <c r="I1199" s="8" t="s">
        <v>3642</v>
      </c>
      <c r="J1199" s="11" t="s">
        <v>3643</v>
      </c>
      <c r="K1199" s="8">
        <v>2</v>
      </c>
      <c r="L1199" s="8">
        <v>197499994</v>
      </c>
      <c r="M1199" s="8">
        <v>197503457</v>
      </c>
      <c r="N1199" s="12">
        <v>1</v>
      </c>
    </row>
    <row r="1200" spans="1:14" ht="99.75" x14ac:dyDescent="0.2">
      <c r="A1200" s="8" t="s">
        <v>3644</v>
      </c>
      <c r="B1200" s="8">
        <v>7.3052619799837806E-2</v>
      </c>
      <c r="C1200" s="8">
        <v>7.5860714135847296</v>
      </c>
      <c r="D1200" s="8">
        <v>2.2109276536837599</v>
      </c>
      <c r="E1200" s="26">
        <v>3.8106939309152002E-2</v>
      </c>
      <c r="F1200" s="8">
        <v>5.3357587786451499E-2</v>
      </c>
      <c r="G1200" s="8">
        <v>-6.5743166830189201</v>
      </c>
      <c r="H1200" s="8">
        <v>9810</v>
      </c>
      <c r="I1200" s="8" t="s">
        <v>3645</v>
      </c>
      <c r="J1200" s="11" t="s">
        <v>3646</v>
      </c>
      <c r="K1200" s="8">
        <v>16</v>
      </c>
      <c r="L1200" s="8">
        <v>30761745</v>
      </c>
      <c r="M1200" s="8">
        <v>30776307</v>
      </c>
      <c r="N1200" s="12">
        <v>1</v>
      </c>
    </row>
    <row r="1201" spans="1:14" ht="71.25" x14ac:dyDescent="0.2">
      <c r="A1201" s="8" t="s">
        <v>3647</v>
      </c>
      <c r="B1201" s="8">
        <v>0.14417808576814201</v>
      </c>
      <c r="C1201" s="8">
        <v>6.0071474421550901</v>
      </c>
      <c r="D1201" s="8">
        <v>2.2088830677556301</v>
      </c>
      <c r="E1201" s="26">
        <v>3.8268318915027702E-2</v>
      </c>
      <c r="F1201" s="8">
        <v>5.3563791713414903E-2</v>
      </c>
      <c r="G1201" s="8">
        <v>-6.4562746962481299</v>
      </c>
      <c r="H1201" s="8">
        <v>5339</v>
      </c>
      <c r="I1201" s="8" t="s">
        <v>3648</v>
      </c>
      <c r="J1201" s="11" t="s">
        <v>3649</v>
      </c>
      <c r="K1201" s="8">
        <v>8</v>
      </c>
      <c r="L1201" s="8">
        <v>143915147</v>
      </c>
      <c r="M1201" s="8">
        <v>143976734</v>
      </c>
      <c r="N1201" s="12">
        <v>-1</v>
      </c>
    </row>
    <row r="1202" spans="1:14" ht="114" x14ac:dyDescent="0.2">
      <c r="A1202" s="8" t="s">
        <v>3650</v>
      </c>
      <c r="B1202" s="8">
        <v>0.16792050667266001</v>
      </c>
      <c r="C1202" s="8">
        <v>4.0227502229909504</v>
      </c>
      <c r="D1202" s="8">
        <v>2.2046198037220401</v>
      </c>
      <c r="E1202" s="26">
        <v>3.8606822331786902E-2</v>
      </c>
      <c r="F1202" s="8">
        <v>5.3993784906059501E-2</v>
      </c>
      <c r="G1202" s="8">
        <v>-6.0704621576406304</v>
      </c>
      <c r="H1202" s="8">
        <v>348180</v>
      </c>
      <c r="I1202" s="8" t="s">
        <v>3651</v>
      </c>
      <c r="J1202" s="11" t="s">
        <v>3652</v>
      </c>
      <c r="K1202" s="8">
        <v>16</v>
      </c>
      <c r="L1202" s="8">
        <v>88706463</v>
      </c>
      <c r="M1202" s="8">
        <v>88715386</v>
      </c>
      <c r="N1202" s="12">
        <v>1</v>
      </c>
    </row>
    <row r="1203" spans="1:14" ht="85.5" x14ac:dyDescent="0.2">
      <c r="A1203" s="8" t="s">
        <v>3653</v>
      </c>
      <c r="B1203" s="8">
        <v>-0.107517511377893</v>
      </c>
      <c r="C1203" s="8">
        <v>4.9286673709506603</v>
      </c>
      <c r="D1203" s="8">
        <v>-2.2031148362006898</v>
      </c>
      <c r="E1203" s="26">
        <v>3.8726966145705699E-2</v>
      </c>
      <c r="F1203" s="8">
        <v>5.4153830708647599E-2</v>
      </c>
      <c r="G1203" s="8">
        <v>-6.2829678329425196</v>
      </c>
      <c r="H1203" s="8">
        <v>23518</v>
      </c>
      <c r="I1203" s="8" t="s">
        <v>3654</v>
      </c>
      <c r="J1203" s="11" t="s">
        <v>3655</v>
      </c>
      <c r="K1203" s="8">
        <v>2</v>
      </c>
      <c r="L1203" s="8">
        <v>135531455</v>
      </c>
      <c r="M1203" s="8">
        <v>135725270</v>
      </c>
      <c r="N1203" s="12">
        <v>1</v>
      </c>
    </row>
    <row r="1204" spans="1:14" ht="114" x14ac:dyDescent="0.2">
      <c r="A1204" s="8" t="s">
        <v>3656</v>
      </c>
      <c r="B1204" s="8">
        <v>9.1442047033397394E-2</v>
      </c>
      <c r="C1204" s="8">
        <v>5.6201384141865098</v>
      </c>
      <c r="D1204" s="8">
        <v>2.1920287103075</v>
      </c>
      <c r="E1204" s="26">
        <v>3.9622522598885102E-2</v>
      </c>
      <c r="F1204" s="8">
        <v>5.53123886537474E-2</v>
      </c>
      <c r="G1204" s="8">
        <v>-6.4342694570780603</v>
      </c>
      <c r="H1204" s="8">
        <v>23131</v>
      </c>
      <c r="I1204" s="8" t="s">
        <v>3657</v>
      </c>
      <c r="J1204" s="11" t="s">
        <v>3658</v>
      </c>
      <c r="K1204" s="8">
        <v>17</v>
      </c>
      <c r="L1204" s="8">
        <v>44395284</v>
      </c>
      <c r="M1204" s="8">
        <v>44503430</v>
      </c>
      <c r="N1204" s="12">
        <v>-1</v>
      </c>
    </row>
    <row r="1205" spans="1:14" ht="128.25" x14ac:dyDescent="0.2">
      <c r="A1205" s="8" t="s">
        <v>3659</v>
      </c>
      <c r="B1205" s="8">
        <v>-9.6344014532331101E-2</v>
      </c>
      <c r="C1205" s="8">
        <v>5.0752472903324604</v>
      </c>
      <c r="D1205" s="8">
        <v>-2.1865450346827302</v>
      </c>
      <c r="E1205" s="26">
        <v>4.0072426704743702E-2</v>
      </c>
      <c r="F1205" s="8">
        <v>5.5878789152466801E-2</v>
      </c>
      <c r="G1205" s="8">
        <v>-6.3443289570056702</v>
      </c>
      <c r="H1205" s="8">
        <v>134353</v>
      </c>
      <c r="I1205" s="8" t="s">
        <v>3660</v>
      </c>
      <c r="J1205" s="11" t="s">
        <v>3661</v>
      </c>
      <c r="K1205" s="8">
        <v>5</v>
      </c>
      <c r="L1205" s="8">
        <v>157743695</v>
      </c>
      <c r="M1205" s="8">
        <v>157760709</v>
      </c>
      <c r="N1205" s="12">
        <v>1</v>
      </c>
    </row>
    <row r="1206" spans="1:14" ht="114" x14ac:dyDescent="0.2">
      <c r="A1206" s="8" t="s">
        <v>3662</v>
      </c>
      <c r="B1206" s="8">
        <v>-0.102555615340806</v>
      </c>
      <c r="C1206" s="8">
        <v>5.90241066756702</v>
      </c>
      <c r="D1206" s="8">
        <v>-2.1851902391509399</v>
      </c>
      <c r="E1206" s="26">
        <v>4.0184292526082001E-2</v>
      </c>
      <c r="F1206" s="8">
        <v>5.6022430154823499E-2</v>
      </c>
      <c r="G1206" s="8">
        <v>-6.48426633935048</v>
      </c>
      <c r="H1206" s="8">
        <v>10291</v>
      </c>
      <c r="I1206" s="8" t="s">
        <v>3663</v>
      </c>
      <c r="J1206" s="11" t="s">
        <v>3664</v>
      </c>
      <c r="K1206" s="8">
        <v>22</v>
      </c>
      <c r="L1206" s="8">
        <v>30331988</v>
      </c>
      <c r="M1206" s="8">
        <v>30356947</v>
      </c>
      <c r="N1206" s="12">
        <v>-1</v>
      </c>
    </row>
    <row r="1207" spans="1:14" ht="128.25" x14ac:dyDescent="0.2">
      <c r="A1207" s="8" t="s">
        <v>3665</v>
      </c>
      <c r="B1207" s="8">
        <v>0.14756304669887299</v>
      </c>
      <c r="C1207" s="8">
        <v>3.8960957692223599</v>
      </c>
      <c r="D1207" s="8">
        <v>2.1831667128207402</v>
      </c>
      <c r="E1207" s="26">
        <v>4.0351903904556001E-2</v>
      </c>
      <c r="F1207" s="8">
        <v>5.6218932559779701E-2</v>
      </c>
      <c r="G1207" s="8">
        <v>-6.0769142092216404</v>
      </c>
      <c r="H1207" s="8">
        <v>388753</v>
      </c>
      <c r="I1207" s="8" t="s">
        <v>3666</v>
      </c>
      <c r="J1207" s="11" t="s">
        <v>3667</v>
      </c>
      <c r="K1207" s="8">
        <v>1</v>
      </c>
      <c r="L1207" s="8">
        <v>234373456</v>
      </c>
      <c r="M1207" s="8">
        <v>234384049</v>
      </c>
      <c r="N1207" s="12">
        <v>1</v>
      </c>
    </row>
    <row r="1208" spans="1:14" ht="142.5" x14ac:dyDescent="0.2">
      <c r="A1208" s="8" t="s">
        <v>3668</v>
      </c>
      <c r="B1208" s="8">
        <v>-9.0843726723427706E-2</v>
      </c>
      <c r="C1208" s="8">
        <v>5.8573833921006004</v>
      </c>
      <c r="D1208" s="8">
        <v>-2.1756622006806898</v>
      </c>
      <c r="E1208" s="26">
        <v>4.0979069965232602E-2</v>
      </c>
      <c r="F1208" s="8">
        <v>5.70048241262439E-2</v>
      </c>
      <c r="G1208" s="8">
        <v>-6.4961388294482196</v>
      </c>
      <c r="H1208" s="8" t="s">
        <v>3669</v>
      </c>
      <c r="I1208" s="8" t="s">
        <v>3670</v>
      </c>
      <c r="J1208" s="11" t="s">
        <v>3671</v>
      </c>
      <c r="K1208" s="8">
        <v>1</v>
      </c>
      <c r="L1208" s="8">
        <v>1311585</v>
      </c>
      <c r="M1208" s="8">
        <v>1324691</v>
      </c>
      <c r="N1208" s="12">
        <v>-1</v>
      </c>
    </row>
    <row r="1209" spans="1:14" ht="99.75" x14ac:dyDescent="0.2">
      <c r="A1209" s="8" t="s">
        <v>3672</v>
      </c>
      <c r="B1209" s="8">
        <v>0.10488746133983499</v>
      </c>
      <c r="C1209" s="8">
        <v>4.6656201217035598</v>
      </c>
      <c r="D1209" s="8">
        <v>2.17073023581389</v>
      </c>
      <c r="E1209" s="26">
        <v>4.1396046905744999E-2</v>
      </c>
      <c r="F1209" s="8">
        <v>5.7517409732781001E-2</v>
      </c>
      <c r="G1209" s="8">
        <v>-6.2907732296717596</v>
      </c>
      <c r="H1209" s="8">
        <v>51013</v>
      </c>
      <c r="I1209" s="8" t="s">
        <v>3673</v>
      </c>
      <c r="J1209" s="11" t="s">
        <v>3674</v>
      </c>
      <c r="K1209" s="8">
        <v>10</v>
      </c>
      <c r="L1209" s="8">
        <v>97436142</v>
      </c>
      <c r="M1209" s="8">
        <v>97446017</v>
      </c>
      <c r="N1209" s="12">
        <v>-1</v>
      </c>
    </row>
    <row r="1210" spans="1:14" ht="114" x14ac:dyDescent="0.2">
      <c r="A1210" s="8" t="s">
        <v>3675</v>
      </c>
      <c r="B1210" s="8">
        <v>-8.1737443992929898E-2</v>
      </c>
      <c r="C1210" s="8">
        <v>6.5843850214883197</v>
      </c>
      <c r="D1210" s="8">
        <v>-2.1705729114758099</v>
      </c>
      <c r="E1210" s="26">
        <v>4.1409411136035398E-2</v>
      </c>
      <c r="F1210" s="8">
        <v>5.7531766244128001E-2</v>
      </c>
      <c r="G1210" s="8">
        <v>-6.5832688224141496</v>
      </c>
      <c r="H1210" s="8">
        <v>9203</v>
      </c>
      <c r="I1210" s="8" t="s">
        <v>3676</v>
      </c>
      <c r="J1210" s="11" t="s">
        <v>3677</v>
      </c>
      <c r="K1210" s="8" t="s">
        <v>108</v>
      </c>
      <c r="L1210" s="8">
        <v>71239624</v>
      </c>
      <c r="M1210" s="8">
        <v>71255146</v>
      </c>
      <c r="N1210" s="12">
        <v>-1</v>
      </c>
    </row>
    <row r="1211" spans="1:14" ht="114" x14ac:dyDescent="0.2">
      <c r="A1211" s="8" t="s">
        <v>3678</v>
      </c>
      <c r="B1211" s="8">
        <v>0.120891793599359</v>
      </c>
      <c r="C1211" s="8">
        <v>5.7570001766701697</v>
      </c>
      <c r="D1211" s="8">
        <v>2.16720555729998</v>
      </c>
      <c r="E1211" s="26">
        <v>4.16963975393791E-2</v>
      </c>
      <c r="F1211" s="8">
        <v>5.7896578335025699E-2</v>
      </c>
      <c r="G1211" s="8">
        <v>-6.5011470827854998</v>
      </c>
      <c r="H1211" s="8">
        <v>3189</v>
      </c>
      <c r="I1211" s="8" t="s">
        <v>3679</v>
      </c>
      <c r="J1211" s="11" t="s">
        <v>3680</v>
      </c>
      <c r="K1211" s="8">
        <v>10</v>
      </c>
      <c r="L1211" s="8">
        <v>68331174</v>
      </c>
      <c r="M1211" s="8">
        <v>68343191</v>
      </c>
      <c r="N1211" s="12">
        <v>1</v>
      </c>
    </row>
    <row r="1212" spans="1:14" ht="128.25" x14ac:dyDescent="0.2">
      <c r="A1212" s="8" t="s">
        <v>3681</v>
      </c>
      <c r="B1212" s="8">
        <v>-9.5474001586446797E-2</v>
      </c>
      <c r="C1212" s="8">
        <v>6.2852874482068</v>
      </c>
      <c r="D1212" s="8">
        <v>-2.1550474115162199</v>
      </c>
      <c r="E1212" s="26">
        <v>4.2747657602438101E-2</v>
      </c>
      <c r="F1212" s="8">
        <v>5.9217628901486803E-2</v>
      </c>
      <c r="G1212" s="8">
        <v>-6.58472124008326</v>
      </c>
      <c r="H1212" s="8">
        <v>9666</v>
      </c>
      <c r="I1212" s="8" t="s">
        <v>3682</v>
      </c>
      <c r="J1212" s="11" t="s">
        <v>3683</v>
      </c>
      <c r="K1212" s="8">
        <v>3</v>
      </c>
      <c r="L1212" s="8">
        <v>108589682</v>
      </c>
      <c r="M1212" s="8">
        <v>108694846</v>
      </c>
      <c r="N1212" s="12">
        <v>1</v>
      </c>
    </row>
    <row r="1213" spans="1:14" ht="114" x14ac:dyDescent="0.2">
      <c r="A1213" s="8" t="s">
        <v>3684</v>
      </c>
      <c r="B1213" s="8">
        <v>-0.10560726221049301</v>
      </c>
      <c r="C1213" s="8">
        <v>6.1244021678288503</v>
      </c>
      <c r="D1213" s="8">
        <v>-2.1539301980058099</v>
      </c>
      <c r="E1213" s="26">
        <v>4.2845452306527802E-2</v>
      </c>
      <c r="F1213" s="8">
        <v>5.9344438246914703E-2</v>
      </c>
      <c r="G1213" s="8">
        <v>-6.5693603404945202</v>
      </c>
      <c r="H1213" s="8">
        <v>56257</v>
      </c>
      <c r="I1213" s="8" t="s">
        <v>3685</v>
      </c>
      <c r="J1213" s="11" t="s">
        <v>3686</v>
      </c>
      <c r="K1213" s="8">
        <v>7</v>
      </c>
      <c r="L1213" s="8">
        <v>100428790</v>
      </c>
      <c r="M1213" s="8">
        <v>100434126</v>
      </c>
      <c r="N1213" s="12">
        <v>1</v>
      </c>
    </row>
    <row r="1214" spans="1:14" ht="99.75" x14ac:dyDescent="0.2">
      <c r="A1214" s="8" t="s">
        <v>3687</v>
      </c>
      <c r="B1214" s="8">
        <v>9.5766301837634196E-2</v>
      </c>
      <c r="C1214" s="8">
        <v>4.8531367651441704</v>
      </c>
      <c r="D1214" s="8">
        <v>2.1534238761972699</v>
      </c>
      <c r="E1214" s="26">
        <v>4.2889839590597799E-2</v>
      </c>
      <c r="F1214" s="8">
        <v>5.9384393129240001E-2</v>
      </c>
      <c r="G1214" s="8">
        <v>-6.3641238431139699</v>
      </c>
      <c r="H1214" s="8">
        <v>84292</v>
      </c>
      <c r="I1214" s="8" t="s">
        <v>3688</v>
      </c>
      <c r="J1214" s="11" t="s">
        <v>3689</v>
      </c>
      <c r="K1214" s="8">
        <v>19</v>
      </c>
      <c r="L1214" s="8">
        <v>12666800</v>
      </c>
      <c r="M1214" s="8">
        <v>12675832</v>
      </c>
      <c r="N1214" s="12">
        <v>1</v>
      </c>
    </row>
    <row r="1215" spans="1:14" ht="114" x14ac:dyDescent="0.2">
      <c r="A1215" s="8" t="s">
        <v>3690</v>
      </c>
      <c r="B1215" s="8">
        <v>-8.3573475922873897E-2</v>
      </c>
      <c r="C1215" s="8">
        <v>8.7108954624109796</v>
      </c>
      <c r="D1215" s="8">
        <v>-2.1499282887745301</v>
      </c>
      <c r="E1215" s="26">
        <v>4.3197421821617198E-2</v>
      </c>
      <c r="F1215" s="8">
        <v>5.9783946463596097E-2</v>
      </c>
      <c r="G1215" s="8">
        <v>-6.74772760143897</v>
      </c>
      <c r="H1215" s="8">
        <v>2547</v>
      </c>
      <c r="I1215" s="8" t="s">
        <v>3691</v>
      </c>
      <c r="J1215" s="11" t="s">
        <v>3692</v>
      </c>
      <c r="K1215" s="8">
        <v>22</v>
      </c>
      <c r="L1215" s="8">
        <v>41621119</v>
      </c>
      <c r="M1215" s="8">
        <v>41664048</v>
      </c>
      <c r="N1215" s="12">
        <v>1</v>
      </c>
    </row>
    <row r="1216" spans="1:14" ht="99.75" x14ac:dyDescent="0.2">
      <c r="A1216" s="8" t="s">
        <v>3693</v>
      </c>
      <c r="B1216" s="8">
        <v>-0.109955396474906</v>
      </c>
      <c r="C1216" s="8">
        <v>6.8593046888110596</v>
      </c>
      <c r="D1216" s="8">
        <v>-2.1456847676608102</v>
      </c>
      <c r="E1216" s="26">
        <v>4.3573497843211899E-2</v>
      </c>
      <c r="F1216" s="8">
        <v>6.0273654681145303E-2</v>
      </c>
      <c r="G1216" s="8">
        <v>-6.64964887994776</v>
      </c>
      <c r="H1216" s="8">
        <v>10189</v>
      </c>
      <c r="I1216" s="8" t="s">
        <v>3694</v>
      </c>
      <c r="J1216" s="11" t="s">
        <v>3695</v>
      </c>
      <c r="K1216" s="8">
        <v>17</v>
      </c>
      <c r="L1216" s="8">
        <v>81887844</v>
      </c>
      <c r="M1216" s="8">
        <v>81891586</v>
      </c>
      <c r="N1216" s="12">
        <v>-1</v>
      </c>
    </row>
    <row r="1217" spans="1:14" ht="114" x14ac:dyDescent="0.2">
      <c r="A1217" s="8" t="s">
        <v>3696</v>
      </c>
      <c r="B1217" s="8">
        <v>8.5117133564068595E-2</v>
      </c>
      <c r="C1217" s="8">
        <v>7.3128448084290998</v>
      </c>
      <c r="D1217" s="8">
        <v>2.1426030102631302</v>
      </c>
      <c r="E1217" s="26">
        <v>4.3848468074323799E-2</v>
      </c>
      <c r="F1217" s="8">
        <v>6.0623078729888001E-2</v>
      </c>
      <c r="G1217" s="8">
        <v>-6.6856139134497399</v>
      </c>
      <c r="H1217" s="8">
        <v>8106</v>
      </c>
      <c r="I1217" s="8" t="s">
        <v>3697</v>
      </c>
      <c r="J1217" s="11" t="s">
        <v>3698</v>
      </c>
      <c r="K1217" s="8">
        <v>14</v>
      </c>
      <c r="L1217" s="8">
        <v>23321289</v>
      </c>
      <c r="M1217" s="8">
        <v>23326185</v>
      </c>
      <c r="N1217" s="12">
        <v>1</v>
      </c>
    </row>
    <row r="1218" spans="1:14" ht="85.5" x14ac:dyDescent="0.2">
      <c r="A1218" s="8" t="s">
        <v>3699</v>
      </c>
      <c r="B1218" s="8">
        <v>-8.4223718498940101E-2</v>
      </c>
      <c r="C1218" s="8">
        <v>5.3363543407899297</v>
      </c>
      <c r="D1218" s="8">
        <v>-2.1400950366472</v>
      </c>
      <c r="E1218" s="26">
        <v>4.4073399464668199E-2</v>
      </c>
      <c r="F1218" s="8">
        <v>6.0920744529172503E-2</v>
      </c>
      <c r="G1218" s="8">
        <v>-6.4802274951857299</v>
      </c>
      <c r="H1218" s="8">
        <v>132</v>
      </c>
      <c r="I1218" s="8" t="s">
        <v>3700</v>
      </c>
      <c r="J1218" s="11" t="s">
        <v>3701</v>
      </c>
      <c r="K1218" s="8">
        <v>10</v>
      </c>
      <c r="L1218" s="8">
        <v>74151185</v>
      </c>
      <c r="M1218" s="8">
        <v>74709303</v>
      </c>
      <c r="N1218" s="12">
        <v>1</v>
      </c>
    </row>
    <row r="1219" spans="1:14" ht="128.25" x14ac:dyDescent="0.2">
      <c r="A1219" s="8" t="s">
        <v>3702</v>
      </c>
      <c r="B1219" s="8">
        <v>0.19202046798699701</v>
      </c>
      <c r="C1219" s="8">
        <v>3.0762130707232598</v>
      </c>
      <c r="D1219" s="8">
        <v>2.1394531622097799</v>
      </c>
      <c r="E1219" s="26">
        <v>4.4131134352547098E-2</v>
      </c>
      <c r="F1219" s="8">
        <v>6.0991663870678399E-2</v>
      </c>
      <c r="G1219" s="8">
        <v>-5.9344677944331199</v>
      </c>
      <c r="H1219" s="8">
        <v>54823</v>
      </c>
      <c r="I1219" s="8" t="s">
        <v>3703</v>
      </c>
      <c r="J1219" s="11" t="s">
        <v>3704</v>
      </c>
      <c r="K1219" s="8">
        <v>1</v>
      </c>
      <c r="L1219" s="8">
        <v>185157080</v>
      </c>
      <c r="M1219" s="8">
        <v>185291765</v>
      </c>
      <c r="N1219" s="12">
        <v>1</v>
      </c>
    </row>
    <row r="1220" spans="1:14" ht="156.75" x14ac:dyDescent="0.2">
      <c r="A1220" s="8" t="s">
        <v>3705</v>
      </c>
      <c r="B1220" s="8">
        <v>0.111810793305433</v>
      </c>
      <c r="C1220" s="8">
        <v>4.8660566386033901</v>
      </c>
      <c r="D1220" s="8">
        <v>2.1324730305744399</v>
      </c>
      <c r="E1220" s="26">
        <v>4.4763406862748698E-2</v>
      </c>
      <c r="F1220" s="8">
        <v>6.1811480174225497E-2</v>
      </c>
      <c r="G1220" s="8">
        <v>-6.4057822145546899</v>
      </c>
      <c r="H1220" s="8">
        <v>10102</v>
      </c>
      <c r="I1220" s="8" t="s">
        <v>3706</v>
      </c>
      <c r="J1220" s="11" t="s">
        <v>3707</v>
      </c>
      <c r="K1220" s="8">
        <v>12</v>
      </c>
      <c r="L1220" s="8">
        <v>57782589</v>
      </c>
      <c r="M1220" s="8">
        <v>57808071</v>
      </c>
      <c r="N1220" s="12">
        <v>1</v>
      </c>
    </row>
    <row r="1221" spans="1:14" ht="99.75" x14ac:dyDescent="0.2">
      <c r="A1221" s="8" t="s">
        <v>3708</v>
      </c>
      <c r="B1221" s="8">
        <v>8.2342652948645997E-2</v>
      </c>
      <c r="C1221" s="8">
        <v>6.8551305900387902</v>
      </c>
      <c r="D1221" s="8">
        <v>2.1321299871137702</v>
      </c>
      <c r="E1221" s="26">
        <v>4.4794690296043903E-2</v>
      </c>
      <c r="F1221" s="8">
        <v>6.1845677537142603E-2</v>
      </c>
      <c r="G1221" s="8">
        <v>-6.6757858493365099</v>
      </c>
      <c r="H1221" s="8">
        <v>8653</v>
      </c>
      <c r="I1221" s="8" t="s">
        <v>3709</v>
      </c>
      <c r="J1221" s="11" t="s">
        <v>3710</v>
      </c>
      <c r="K1221" s="8" t="s">
        <v>377</v>
      </c>
      <c r="L1221" s="8">
        <v>12904108</v>
      </c>
      <c r="M1221" s="8">
        <v>12920478</v>
      </c>
      <c r="N1221" s="12">
        <v>1</v>
      </c>
    </row>
    <row r="1222" spans="1:14" ht="156.75" x14ac:dyDescent="0.2">
      <c r="A1222" s="8" t="s">
        <v>3711</v>
      </c>
      <c r="B1222" s="8">
        <v>0.14515131609606399</v>
      </c>
      <c r="C1222" s="8">
        <v>3.42867370934708</v>
      </c>
      <c r="D1222" s="8">
        <v>2.1300728090883601</v>
      </c>
      <c r="E1222" s="26">
        <v>4.4982706816566902E-2</v>
      </c>
      <c r="F1222" s="8">
        <v>6.2078163570503199E-2</v>
      </c>
      <c r="G1222" s="8">
        <v>-6.0486717554922498</v>
      </c>
      <c r="H1222" s="8">
        <v>60678</v>
      </c>
      <c r="I1222" s="8" t="s">
        <v>3712</v>
      </c>
      <c r="J1222" s="11" t="s">
        <v>3713</v>
      </c>
      <c r="K1222" s="8">
        <v>3</v>
      </c>
      <c r="L1222" s="8">
        <v>128153454</v>
      </c>
      <c r="M1222" s="8">
        <v>128408646</v>
      </c>
      <c r="N1222" s="12">
        <v>1</v>
      </c>
    </row>
    <row r="1223" spans="1:14" ht="85.5" x14ac:dyDescent="0.2">
      <c r="A1223" s="8" t="s">
        <v>3714</v>
      </c>
      <c r="B1223" s="8">
        <v>0.136431207968088</v>
      </c>
      <c r="C1223" s="8">
        <v>3.51890541481235</v>
      </c>
      <c r="D1223" s="8">
        <v>2.1296181430667098</v>
      </c>
      <c r="E1223" s="26">
        <v>4.5024357228003201E-2</v>
      </c>
      <c r="F1223" s="8">
        <v>6.2126607075970099E-2</v>
      </c>
      <c r="G1223" s="8">
        <v>-6.0739550967932798</v>
      </c>
      <c r="H1223" s="8">
        <v>25819</v>
      </c>
      <c r="I1223" s="8" t="s">
        <v>3715</v>
      </c>
      <c r="J1223" s="11" t="s">
        <v>3716</v>
      </c>
      <c r="K1223" s="8">
        <v>4</v>
      </c>
      <c r="L1223" s="8">
        <v>139015789</v>
      </c>
      <c r="M1223" s="8">
        <v>139045939</v>
      </c>
      <c r="N1223" s="12">
        <v>1</v>
      </c>
    </row>
    <row r="1224" spans="1:14" ht="114" x14ac:dyDescent="0.2">
      <c r="A1224" s="8" t="s">
        <v>3717</v>
      </c>
      <c r="B1224" s="8">
        <v>7.3424536880719593E-2</v>
      </c>
      <c r="C1224" s="8">
        <v>6.4869884138610603</v>
      </c>
      <c r="D1224" s="8">
        <v>2.1228715571088901</v>
      </c>
      <c r="E1224" s="26">
        <v>4.5646494428023501E-2</v>
      </c>
      <c r="F1224" s="8">
        <v>6.2898164737191495E-2</v>
      </c>
      <c r="G1224" s="8">
        <v>-6.6647010276168297</v>
      </c>
      <c r="H1224" s="8">
        <v>10421</v>
      </c>
      <c r="I1224" s="8" t="s">
        <v>3718</v>
      </c>
      <c r="J1224" s="11" t="s">
        <v>3719</v>
      </c>
      <c r="K1224" s="8">
        <v>16</v>
      </c>
      <c r="L1224" s="8">
        <v>30350766</v>
      </c>
      <c r="M1224" s="8">
        <v>30355361</v>
      </c>
      <c r="N1224" s="12">
        <v>-1</v>
      </c>
    </row>
    <row r="1225" spans="1:14" ht="99.75" x14ac:dyDescent="0.2">
      <c r="A1225" s="8" t="s">
        <v>3720</v>
      </c>
      <c r="B1225" s="8">
        <v>0.417457732460429</v>
      </c>
      <c r="C1225" s="8">
        <v>0.10695865045267799</v>
      </c>
      <c r="D1225" s="8">
        <v>2.1216128136756902</v>
      </c>
      <c r="E1225" s="26">
        <v>4.5763424762707401E-2</v>
      </c>
      <c r="F1225" s="8">
        <v>6.3054709338698806E-2</v>
      </c>
      <c r="G1225" s="8">
        <v>-5.1363957355989101</v>
      </c>
      <c r="H1225" s="8">
        <v>29118</v>
      </c>
      <c r="I1225" s="8" t="s">
        <v>3721</v>
      </c>
      <c r="J1225" s="11" t="s">
        <v>3722</v>
      </c>
      <c r="K1225" s="8">
        <v>11</v>
      </c>
      <c r="L1225" s="8">
        <v>125903348</v>
      </c>
      <c r="M1225" s="8">
        <v>125943702</v>
      </c>
      <c r="N1225" s="12">
        <v>1</v>
      </c>
    </row>
    <row r="1226" spans="1:14" ht="99.75" x14ac:dyDescent="0.2">
      <c r="A1226" s="8" t="s">
        <v>3723</v>
      </c>
      <c r="B1226" s="8">
        <v>0.119984334887867</v>
      </c>
      <c r="C1226" s="8">
        <v>8.7024041055786299</v>
      </c>
      <c r="D1226" s="8">
        <v>2.1197946074482399</v>
      </c>
      <c r="E1226" s="26">
        <v>4.5932803275932098E-2</v>
      </c>
      <c r="F1226" s="8">
        <v>6.32697109506688E-2</v>
      </c>
      <c r="G1226" s="8">
        <v>-6.8037461011544904</v>
      </c>
      <c r="H1226" s="8">
        <v>6218</v>
      </c>
      <c r="I1226" s="8" t="s">
        <v>3724</v>
      </c>
      <c r="J1226" s="11" t="s">
        <v>3725</v>
      </c>
      <c r="K1226" s="8">
        <v>15</v>
      </c>
      <c r="L1226" s="8">
        <v>82536753</v>
      </c>
      <c r="M1226" s="8">
        <v>82540564</v>
      </c>
      <c r="N1226" s="12">
        <v>-1</v>
      </c>
    </row>
    <row r="1227" spans="1:14" ht="142.5" x14ac:dyDescent="0.2">
      <c r="A1227" s="8" t="s">
        <v>3726</v>
      </c>
      <c r="B1227" s="8">
        <v>0.104797393257742</v>
      </c>
      <c r="C1227" s="8">
        <v>5.72230024912096</v>
      </c>
      <c r="D1227" s="8">
        <v>2.1098262406352402</v>
      </c>
      <c r="E1227" s="26">
        <v>4.68715135881956E-2</v>
      </c>
      <c r="F1227" s="8">
        <v>6.4478485927016202E-2</v>
      </c>
      <c r="G1227" s="8">
        <v>-6.6017335243145201</v>
      </c>
      <c r="H1227" s="8">
        <v>51490</v>
      </c>
      <c r="I1227" s="8" t="s">
        <v>3727</v>
      </c>
      <c r="J1227" s="11" t="s">
        <v>3728</v>
      </c>
      <c r="K1227" s="8">
        <v>9</v>
      </c>
      <c r="L1227" s="8">
        <v>128819651</v>
      </c>
      <c r="M1227" s="8">
        <v>128829821</v>
      </c>
      <c r="N1227" s="12">
        <v>-1</v>
      </c>
    </row>
    <row r="1228" spans="1:14" ht="99.75" x14ac:dyDescent="0.2">
      <c r="A1228" s="8" t="s">
        <v>3729</v>
      </c>
      <c r="B1228" s="8">
        <v>9.0193910782215198E-2</v>
      </c>
      <c r="C1228" s="8">
        <v>5.4067630994860201</v>
      </c>
      <c r="D1228" s="8">
        <v>2.1087572992412098</v>
      </c>
      <c r="E1228" s="26">
        <v>4.6973194253867097E-2</v>
      </c>
      <c r="F1228" s="8">
        <v>6.4608995242127806E-2</v>
      </c>
      <c r="G1228" s="8">
        <v>-6.5533759731783698</v>
      </c>
      <c r="H1228" s="8">
        <v>51010</v>
      </c>
      <c r="I1228" s="8" t="s">
        <v>3730</v>
      </c>
      <c r="J1228" s="11" t="s">
        <v>3731</v>
      </c>
      <c r="K1228" s="8">
        <v>9</v>
      </c>
      <c r="L1228" s="8">
        <v>37766978</v>
      </c>
      <c r="M1228" s="8">
        <v>37801437</v>
      </c>
      <c r="N1228" s="12">
        <v>-1</v>
      </c>
    </row>
    <row r="1229" spans="1:14" ht="99.75" x14ac:dyDescent="0.2">
      <c r="A1229" s="8" t="s">
        <v>3732</v>
      </c>
      <c r="B1229" s="8">
        <v>9.2276437502480504E-2</v>
      </c>
      <c r="C1229" s="8">
        <v>8.1658015748552906</v>
      </c>
      <c r="D1229" s="8">
        <v>2.0933922704569699</v>
      </c>
      <c r="E1229" s="26">
        <v>4.8456873463555698E-2</v>
      </c>
      <c r="F1229" s="8">
        <v>6.6517392209513804E-2</v>
      </c>
      <c r="G1229" s="8">
        <v>-6.8243248028692696</v>
      </c>
      <c r="H1229" s="8">
        <v>6137</v>
      </c>
      <c r="I1229" s="8" t="s">
        <v>3733</v>
      </c>
      <c r="J1229" s="11" t="s">
        <v>3734</v>
      </c>
      <c r="K1229" s="8">
        <v>16</v>
      </c>
      <c r="L1229" s="8">
        <v>89560657</v>
      </c>
      <c r="M1229" s="8">
        <v>89566828</v>
      </c>
      <c r="N1229" s="12">
        <v>1</v>
      </c>
    </row>
    <row r="1230" spans="1:14" ht="114" x14ac:dyDescent="0.2">
      <c r="A1230" s="8" t="s">
        <v>3735</v>
      </c>
      <c r="B1230" s="8">
        <v>8.7545799047164002E-2</v>
      </c>
      <c r="C1230" s="8">
        <v>6.8172053577825302</v>
      </c>
      <c r="D1230" s="8">
        <v>2.09332567820758</v>
      </c>
      <c r="E1230" s="26">
        <v>4.8463394501621002E-2</v>
      </c>
      <c r="F1230" s="8">
        <v>6.6518865720907094E-2</v>
      </c>
      <c r="G1230" s="8">
        <v>-6.7441140537094402</v>
      </c>
      <c r="H1230" s="8">
        <v>55656</v>
      </c>
      <c r="I1230" s="8" t="s">
        <v>3736</v>
      </c>
      <c r="J1230" s="11" t="s">
        <v>3737</v>
      </c>
      <c r="K1230" s="8">
        <v>8</v>
      </c>
      <c r="L1230" s="8">
        <v>94813311</v>
      </c>
      <c r="M1230" s="8">
        <v>94881746</v>
      </c>
      <c r="N1230" s="12">
        <v>1</v>
      </c>
    </row>
    <row r="1231" spans="1:14" ht="99.75" x14ac:dyDescent="0.2">
      <c r="A1231" s="8" t="s">
        <v>3738</v>
      </c>
      <c r="B1231" s="8">
        <v>9.9762603052092794E-2</v>
      </c>
      <c r="C1231" s="8">
        <v>5.3208913164025198</v>
      </c>
      <c r="D1231" s="8">
        <v>2.09293907564764</v>
      </c>
      <c r="E1231" s="26">
        <v>4.8501268107046698E-2</v>
      </c>
      <c r="F1231" s="8">
        <v>6.6566034922067294E-2</v>
      </c>
      <c r="G1231" s="8">
        <v>-6.5674219852277202</v>
      </c>
      <c r="H1231" s="8">
        <v>54555</v>
      </c>
      <c r="I1231" s="8" t="s">
        <v>3739</v>
      </c>
      <c r="J1231" s="11" t="s">
        <v>3740</v>
      </c>
      <c r="K1231" s="8">
        <v>19</v>
      </c>
      <c r="L1231" s="8">
        <v>18919675</v>
      </c>
      <c r="M1231" s="8">
        <v>18928633</v>
      </c>
      <c r="N1231" s="12">
        <v>1</v>
      </c>
    </row>
    <row r="1232" spans="1:14" ht="128.25" x14ac:dyDescent="0.2">
      <c r="A1232" s="8" t="s">
        <v>3741</v>
      </c>
      <c r="B1232" s="8">
        <v>7.8561963798017095E-2</v>
      </c>
      <c r="C1232" s="8">
        <v>6.3010406774227796</v>
      </c>
      <c r="D1232" s="8">
        <v>2.08757696841848</v>
      </c>
      <c r="E1232" s="26">
        <v>4.90293200296716E-2</v>
      </c>
      <c r="F1232" s="8">
        <v>6.7236635971098205E-2</v>
      </c>
      <c r="G1232" s="8">
        <v>-6.7118534836027903</v>
      </c>
      <c r="H1232" s="8">
        <v>8761</v>
      </c>
      <c r="I1232" s="8" t="s">
        <v>3742</v>
      </c>
      <c r="J1232" s="11" t="s">
        <v>3743</v>
      </c>
      <c r="K1232" s="8">
        <v>1</v>
      </c>
      <c r="L1232" s="8">
        <v>39560816</v>
      </c>
      <c r="M1232" s="8">
        <v>39576790</v>
      </c>
      <c r="N1232" s="12">
        <v>-1</v>
      </c>
    </row>
    <row r="1233" spans="1:14" ht="99.75" x14ac:dyDescent="0.2">
      <c r="A1233" s="8" t="s">
        <v>3744</v>
      </c>
      <c r="B1233" s="8">
        <v>7.7177941321263405E-2</v>
      </c>
      <c r="C1233" s="8">
        <v>6.0978412151635197</v>
      </c>
      <c r="D1233" s="8">
        <v>2.0848625913582302</v>
      </c>
      <c r="E1233" s="26">
        <v>4.9298593060833402E-2</v>
      </c>
      <c r="F1233" s="8">
        <v>6.7572365512129695E-2</v>
      </c>
      <c r="G1233" s="8">
        <v>-6.6951613602434303</v>
      </c>
      <c r="H1233" s="8">
        <v>9984</v>
      </c>
      <c r="I1233" s="8" t="s">
        <v>3745</v>
      </c>
      <c r="J1233" s="11" t="s">
        <v>3746</v>
      </c>
      <c r="K1233" s="8">
        <v>18</v>
      </c>
      <c r="L1233" s="8">
        <v>214520</v>
      </c>
      <c r="M1233" s="8">
        <v>268050</v>
      </c>
      <c r="N1233" s="12">
        <v>-1</v>
      </c>
    </row>
    <row r="1234" spans="1:14" ht="114" x14ac:dyDescent="0.2">
      <c r="A1234" s="8" t="s">
        <v>3747</v>
      </c>
      <c r="B1234" s="8">
        <v>9.4131784975036895E-2</v>
      </c>
      <c r="C1234" s="8">
        <v>6.0367377357013803</v>
      </c>
      <c r="D1234" s="8">
        <v>2.0845914182846301</v>
      </c>
      <c r="E1234" s="26">
        <v>4.93255669978728E-2</v>
      </c>
      <c r="F1234" s="8">
        <v>6.7604455071402003E-2</v>
      </c>
      <c r="G1234" s="8">
        <v>-6.6888541534092996</v>
      </c>
      <c r="H1234" s="8">
        <v>9904</v>
      </c>
      <c r="I1234" s="8" t="s">
        <v>3748</v>
      </c>
      <c r="J1234" s="11" t="s">
        <v>3749</v>
      </c>
      <c r="K1234" s="8">
        <v>12</v>
      </c>
      <c r="L1234" s="8">
        <v>113816738</v>
      </c>
      <c r="M1234" s="8">
        <v>113966371</v>
      </c>
      <c r="N1234" s="12">
        <v>-1</v>
      </c>
    </row>
    <row r="1235" spans="1:14" ht="142.5" x14ac:dyDescent="0.2">
      <c r="A1235" s="8" t="s">
        <v>3750</v>
      </c>
      <c r="B1235" s="8">
        <v>9.5769073587929299E-2</v>
      </c>
      <c r="C1235" s="8">
        <v>7.12032744367598</v>
      </c>
      <c r="D1235" s="8">
        <v>2.0746668357643099</v>
      </c>
      <c r="E1235" s="26">
        <v>5.0321946626739403E-2</v>
      </c>
      <c r="F1235" s="8">
        <v>6.8900402679338599E-2</v>
      </c>
      <c r="G1235" s="8">
        <v>-6.7978857355789701</v>
      </c>
      <c r="H1235" s="8">
        <v>6633</v>
      </c>
      <c r="I1235" s="8" t="s">
        <v>3751</v>
      </c>
      <c r="J1235" s="11" t="s">
        <v>3752</v>
      </c>
      <c r="K1235" s="8">
        <v>19</v>
      </c>
      <c r="L1235" s="8">
        <v>45687454</v>
      </c>
      <c r="M1235" s="8">
        <v>45692569</v>
      </c>
      <c r="N1235" s="12">
        <v>-1</v>
      </c>
    </row>
    <row r="1236" spans="1:14" ht="156.75" x14ac:dyDescent="0.2">
      <c r="A1236" s="8" t="s">
        <v>3753</v>
      </c>
      <c r="B1236" s="8">
        <v>8.8560988815165095E-2</v>
      </c>
      <c r="C1236" s="8">
        <v>5.8457833871406901</v>
      </c>
      <c r="D1236" s="8">
        <v>2.0555489621549499</v>
      </c>
      <c r="E1236" s="26">
        <v>5.22923344462939E-2</v>
      </c>
      <c r="F1236" s="8">
        <v>7.1412754086594699E-2</v>
      </c>
      <c r="G1236" s="8">
        <v>-6.7171695774046798</v>
      </c>
      <c r="H1236" s="8">
        <v>84305</v>
      </c>
      <c r="I1236" s="8" t="s">
        <v>3754</v>
      </c>
      <c r="J1236" s="11" t="s">
        <v>3755</v>
      </c>
      <c r="K1236" s="8">
        <v>12</v>
      </c>
      <c r="L1236" s="8">
        <v>55901413</v>
      </c>
      <c r="M1236" s="8">
        <v>55932618</v>
      </c>
      <c r="N1236" s="12">
        <v>-1</v>
      </c>
    </row>
    <row r="1237" spans="1:14" ht="85.5" x14ac:dyDescent="0.2">
      <c r="A1237" s="8" t="s">
        <v>3756</v>
      </c>
      <c r="B1237" s="8">
        <v>-0.22288346417464899</v>
      </c>
      <c r="C1237" s="8">
        <v>2.25556904696621</v>
      </c>
      <c r="D1237" s="8">
        <v>-2.0359324418942202</v>
      </c>
      <c r="E1237" s="26">
        <v>5.4385668114715E-2</v>
      </c>
      <c r="F1237" s="8">
        <v>7.4095543385235593E-2</v>
      </c>
      <c r="G1237" s="8">
        <v>-5.87442854506497</v>
      </c>
      <c r="H1237" s="8">
        <v>8996</v>
      </c>
      <c r="I1237" s="8" t="s">
        <v>3757</v>
      </c>
      <c r="J1237" s="11" t="s">
        <v>3758</v>
      </c>
      <c r="K1237" s="8">
        <v>16</v>
      </c>
      <c r="L1237" s="8">
        <v>67170154</v>
      </c>
      <c r="M1237" s="8">
        <v>67175735</v>
      </c>
      <c r="N1237" s="12">
        <v>1</v>
      </c>
    </row>
    <row r="1238" spans="1:14" ht="114" x14ac:dyDescent="0.2">
      <c r="A1238" s="8" t="s">
        <v>3759</v>
      </c>
      <c r="B1238" s="8">
        <v>0.10317136086402701</v>
      </c>
      <c r="C1238" s="8">
        <v>4.4467535060727297</v>
      </c>
      <c r="D1238" s="8">
        <v>2.0355433490455899</v>
      </c>
      <c r="E1238" s="26">
        <v>5.4427936428318099E-2</v>
      </c>
      <c r="F1238" s="8">
        <v>7.4147806862899707E-2</v>
      </c>
      <c r="G1238" s="8">
        <v>-6.4854718270829999</v>
      </c>
      <c r="H1238" s="8">
        <v>51634</v>
      </c>
      <c r="I1238" s="8" t="s">
        <v>3760</v>
      </c>
      <c r="J1238" s="11" t="s">
        <v>3761</v>
      </c>
      <c r="K1238" s="8" t="s">
        <v>108</v>
      </c>
      <c r="L1238" s="8">
        <v>130401969</v>
      </c>
      <c r="M1238" s="8">
        <v>130413343</v>
      </c>
      <c r="N1238" s="12">
        <v>1</v>
      </c>
    </row>
    <row r="1239" spans="1:14" ht="114" x14ac:dyDescent="0.2">
      <c r="A1239" s="8" t="s">
        <v>3762</v>
      </c>
      <c r="B1239" s="8">
        <v>0.16851905870091499</v>
      </c>
      <c r="C1239" s="8">
        <v>3.4707978629290102</v>
      </c>
      <c r="D1239" s="8">
        <v>2.03261662708932</v>
      </c>
      <c r="E1239" s="26">
        <v>5.4746816804462799E-2</v>
      </c>
      <c r="F1239" s="8">
        <v>7.4566162527688995E-2</v>
      </c>
      <c r="G1239" s="8">
        <v>-6.2371036167595602</v>
      </c>
      <c r="H1239" s="8">
        <v>54433</v>
      </c>
      <c r="I1239" s="8" t="s">
        <v>3763</v>
      </c>
      <c r="J1239" s="11" t="s">
        <v>3764</v>
      </c>
      <c r="K1239" s="8">
        <v>4</v>
      </c>
      <c r="L1239" s="8">
        <v>109815510</v>
      </c>
      <c r="M1239" s="8">
        <v>109824740</v>
      </c>
      <c r="N1239" s="12">
        <v>1</v>
      </c>
    </row>
    <row r="1240" spans="1:14" ht="71.25" x14ac:dyDescent="0.2">
      <c r="A1240" s="8" t="s">
        <v>3765</v>
      </c>
      <c r="B1240" s="8">
        <v>-0.13476681683701799</v>
      </c>
      <c r="C1240" s="8">
        <v>7.1296685570630398</v>
      </c>
      <c r="D1240" s="8">
        <v>-2.0240533815363602</v>
      </c>
      <c r="E1240" s="26">
        <v>5.56894277972904E-2</v>
      </c>
      <c r="F1240" s="8">
        <v>7.5736121610313206E-2</v>
      </c>
      <c r="G1240" s="8">
        <v>-6.8877241703380196</v>
      </c>
      <c r="H1240" s="8">
        <v>2804</v>
      </c>
      <c r="I1240" s="8" t="s">
        <v>3766</v>
      </c>
      <c r="J1240" s="11" t="s">
        <v>3767</v>
      </c>
      <c r="K1240" s="8">
        <v>3</v>
      </c>
      <c r="L1240" s="8">
        <v>121663199</v>
      </c>
      <c r="M1240" s="8">
        <v>121749767</v>
      </c>
      <c r="N1240" s="12">
        <v>-1</v>
      </c>
    </row>
    <row r="1241" spans="1:14" ht="114" x14ac:dyDescent="0.2">
      <c r="A1241" s="8" t="s">
        <v>3768</v>
      </c>
      <c r="B1241" s="8">
        <v>-8.76532442421709E-2</v>
      </c>
      <c r="C1241" s="8">
        <v>6.1142406261884004</v>
      </c>
      <c r="D1241" s="8">
        <v>-2.0211597252981499</v>
      </c>
      <c r="E1241" s="26">
        <v>5.6011209623515801E-2</v>
      </c>
      <c r="F1241" s="8">
        <v>7.6135285797970007E-2</v>
      </c>
      <c r="G1241" s="8">
        <v>-6.8092933761940504</v>
      </c>
      <c r="H1241" s="8">
        <v>6733</v>
      </c>
      <c r="I1241" s="8" t="s">
        <v>3769</v>
      </c>
      <c r="J1241" s="11" t="s">
        <v>3770</v>
      </c>
      <c r="K1241" s="8">
        <v>7</v>
      </c>
      <c r="L1241" s="8">
        <v>105110704</v>
      </c>
      <c r="M1241" s="8">
        <v>105399308</v>
      </c>
      <c r="N1241" s="12">
        <v>-1</v>
      </c>
    </row>
    <row r="1242" spans="1:14" ht="114" x14ac:dyDescent="0.2">
      <c r="A1242" s="8" t="s">
        <v>3771</v>
      </c>
      <c r="B1242" s="8">
        <v>9.6638609435793804E-2</v>
      </c>
      <c r="C1242" s="8">
        <v>5.1259207949286196</v>
      </c>
      <c r="D1242" s="8">
        <v>2.0179307462813298</v>
      </c>
      <c r="E1242" s="26">
        <v>5.6372237187540301E-2</v>
      </c>
      <c r="F1242" s="8">
        <v>7.6598592661316897E-2</v>
      </c>
      <c r="G1242" s="8">
        <v>-6.6655757664702104</v>
      </c>
      <c r="H1242" s="8">
        <v>28998</v>
      </c>
      <c r="I1242" s="8" t="s">
        <v>3772</v>
      </c>
      <c r="J1242" s="11" t="s">
        <v>3773</v>
      </c>
      <c r="K1242" s="8">
        <v>8</v>
      </c>
      <c r="L1242" s="8">
        <v>120380761</v>
      </c>
      <c r="M1242" s="8">
        <v>120445402</v>
      </c>
      <c r="N1242" s="12">
        <v>-1</v>
      </c>
    </row>
    <row r="1243" spans="1:14" ht="99.75" x14ac:dyDescent="0.2">
      <c r="A1243" s="8" t="s">
        <v>3774</v>
      </c>
      <c r="B1243" s="8">
        <v>0.108759125653161</v>
      </c>
      <c r="C1243" s="8">
        <v>6.3101834818438496</v>
      </c>
      <c r="D1243" s="8">
        <v>2.0162034747531399</v>
      </c>
      <c r="E1243" s="26">
        <v>5.6566211589716198E-2</v>
      </c>
      <c r="F1243" s="8">
        <v>7.6829158126112601E-2</v>
      </c>
      <c r="G1243" s="8">
        <v>-6.8410257925741096</v>
      </c>
      <c r="H1243" s="8">
        <v>672</v>
      </c>
      <c r="I1243" s="8" t="s">
        <v>3775</v>
      </c>
      <c r="J1243" s="11" t="s">
        <v>3776</v>
      </c>
      <c r="K1243" s="8">
        <v>17</v>
      </c>
      <c r="L1243" s="8">
        <v>43044295</v>
      </c>
      <c r="M1243" s="8">
        <v>43170245</v>
      </c>
      <c r="N1243" s="12">
        <v>-1</v>
      </c>
    </row>
    <row r="1244" spans="1:14" ht="114" x14ac:dyDescent="0.2">
      <c r="A1244" s="8" t="s">
        <v>3777</v>
      </c>
      <c r="B1244" s="8">
        <v>0.114410980107452</v>
      </c>
      <c r="C1244" s="8">
        <v>4.0866392583126903</v>
      </c>
      <c r="D1244" s="8">
        <v>2.0049570953883</v>
      </c>
      <c r="E1244" s="26">
        <v>5.7843802302968601E-2</v>
      </c>
      <c r="F1244" s="8">
        <v>7.84287268727972E-2</v>
      </c>
      <c r="G1244" s="8">
        <v>-6.4498360286713998</v>
      </c>
      <c r="H1244" s="8">
        <v>55520</v>
      </c>
      <c r="I1244" s="8" t="s">
        <v>3778</v>
      </c>
      <c r="J1244" s="11" t="s">
        <v>3779</v>
      </c>
      <c r="K1244" s="8">
        <v>18</v>
      </c>
      <c r="L1244" s="8">
        <v>50967991</v>
      </c>
      <c r="M1244" s="8">
        <v>50988121</v>
      </c>
      <c r="N1244" s="12">
        <v>1</v>
      </c>
    </row>
    <row r="1245" spans="1:14" ht="99.75" x14ac:dyDescent="0.2">
      <c r="A1245" s="8" t="s">
        <v>3780</v>
      </c>
      <c r="B1245" s="8">
        <v>-0.120055802387435</v>
      </c>
      <c r="C1245" s="8">
        <v>4.7974020565103404</v>
      </c>
      <c r="D1245" s="8">
        <v>-2.0017179980565398</v>
      </c>
      <c r="E1245" s="26">
        <v>5.8216499177273097E-2</v>
      </c>
      <c r="F1245" s="8">
        <v>7.8895558443698596E-2</v>
      </c>
      <c r="G1245" s="8">
        <v>-6.6211110398286603</v>
      </c>
      <c r="H1245" s="8">
        <v>6171</v>
      </c>
      <c r="I1245" s="8" t="s">
        <v>3781</v>
      </c>
      <c r="J1245" s="11" t="s">
        <v>3782</v>
      </c>
      <c r="K1245" s="8">
        <v>12</v>
      </c>
      <c r="L1245" s="8">
        <v>56116586</v>
      </c>
      <c r="M1245" s="8">
        <v>56117943</v>
      </c>
      <c r="N1245" s="12">
        <v>1</v>
      </c>
    </row>
    <row r="1246" spans="1:14" ht="114" x14ac:dyDescent="0.2">
      <c r="A1246" s="8" t="s">
        <v>3783</v>
      </c>
      <c r="B1246" s="8">
        <v>-0.12599542401946001</v>
      </c>
      <c r="C1246" s="8">
        <v>7.9605197809797197</v>
      </c>
      <c r="D1246" s="8">
        <v>-1.99930476274779</v>
      </c>
      <c r="E1246" s="26">
        <v>5.84955583390303E-2</v>
      </c>
      <c r="F1246" s="8">
        <v>7.9245446216431897E-2</v>
      </c>
      <c r="G1246" s="8">
        <v>-6.9803127694988198</v>
      </c>
      <c r="H1246" s="8">
        <v>1984</v>
      </c>
      <c r="I1246" s="8" t="s">
        <v>3784</v>
      </c>
      <c r="J1246" s="11" t="s">
        <v>3785</v>
      </c>
      <c r="K1246" s="8">
        <v>17</v>
      </c>
      <c r="L1246" s="8">
        <v>7306999</v>
      </c>
      <c r="M1246" s="8">
        <v>7312463</v>
      </c>
      <c r="N1246" s="12">
        <v>1</v>
      </c>
    </row>
    <row r="1247" spans="1:14" ht="114" x14ac:dyDescent="0.2">
      <c r="A1247" s="8" t="s">
        <v>3786</v>
      </c>
      <c r="B1247" s="8">
        <v>-0.11008816123108001</v>
      </c>
      <c r="C1247" s="8">
        <v>5.5912687335723001</v>
      </c>
      <c r="D1247" s="8">
        <v>-1.9978347607934099</v>
      </c>
      <c r="E1247" s="26">
        <v>5.8666127529574501E-2</v>
      </c>
      <c r="F1247" s="8">
        <v>7.9459503399381598E-2</v>
      </c>
      <c r="G1247" s="8">
        <v>-6.7792341938435996</v>
      </c>
      <c r="H1247" s="8">
        <v>10952</v>
      </c>
      <c r="I1247" s="8" t="s">
        <v>3787</v>
      </c>
      <c r="J1247" s="11" t="s">
        <v>3788</v>
      </c>
      <c r="K1247" s="8">
        <v>9</v>
      </c>
      <c r="L1247" s="8">
        <v>99222064</v>
      </c>
      <c r="M1247" s="8">
        <v>99230615</v>
      </c>
      <c r="N1247" s="12">
        <v>1</v>
      </c>
    </row>
    <row r="1248" spans="1:14" ht="99.75" x14ac:dyDescent="0.2">
      <c r="A1248" s="8" t="s">
        <v>3789</v>
      </c>
      <c r="B1248" s="8">
        <v>0.146242769408062</v>
      </c>
      <c r="C1248" s="8">
        <v>3.5413333857192102</v>
      </c>
      <c r="D1248" s="8">
        <v>1.97496419450864</v>
      </c>
      <c r="E1248" s="26">
        <v>6.1377418943439101E-2</v>
      </c>
      <c r="F1248" s="8">
        <v>8.2826179124638202E-2</v>
      </c>
      <c r="G1248" s="8">
        <v>-6.3574012783710003</v>
      </c>
      <c r="H1248" s="8">
        <v>6232</v>
      </c>
      <c r="I1248" s="8" t="s">
        <v>3790</v>
      </c>
      <c r="J1248" s="11" t="s">
        <v>3791</v>
      </c>
      <c r="K1248" s="8">
        <v>1</v>
      </c>
      <c r="L1248" s="8">
        <v>153990759</v>
      </c>
      <c r="M1248" s="8">
        <v>153992150</v>
      </c>
      <c r="N1248" s="12">
        <v>1</v>
      </c>
    </row>
    <row r="1249" spans="1:14" ht="99.75" x14ac:dyDescent="0.2">
      <c r="A1249" s="8" t="s">
        <v>3792</v>
      </c>
      <c r="B1249" s="8">
        <v>0.108137837045281</v>
      </c>
      <c r="C1249" s="8">
        <v>7.2488180356140797</v>
      </c>
      <c r="D1249" s="8">
        <v>1.9717305242617</v>
      </c>
      <c r="E1249" s="26">
        <v>6.1769607897046198E-2</v>
      </c>
      <c r="F1249" s="8">
        <v>8.3306221950269793E-2</v>
      </c>
      <c r="G1249" s="8">
        <v>-6.9887389102716702</v>
      </c>
      <c r="H1249" s="8">
        <v>6233</v>
      </c>
      <c r="I1249" s="8" t="s">
        <v>3793</v>
      </c>
      <c r="J1249" s="11" t="s">
        <v>3794</v>
      </c>
      <c r="K1249" s="8">
        <v>2</v>
      </c>
      <c r="L1249" s="8">
        <v>55231903</v>
      </c>
      <c r="M1249" s="8">
        <v>55235853</v>
      </c>
      <c r="N1249" s="12">
        <v>1</v>
      </c>
    </row>
    <row r="1250" spans="1:14" ht="114" x14ac:dyDescent="0.2">
      <c r="A1250" s="8" t="s">
        <v>3795</v>
      </c>
      <c r="B1250" s="8">
        <v>-0.10024386361663901</v>
      </c>
      <c r="C1250" s="8">
        <v>5.40985747418845</v>
      </c>
      <c r="D1250" s="8">
        <v>-1.97160582484403</v>
      </c>
      <c r="E1250" s="26">
        <v>6.1784776198992801E-2</v>
      </c>
      <c r="F1250" s="8">
        <v>8.3320757385466598E-2</v>
      </c>
      <c r="G1250" s="8">
        <v>-6.7953243384929998</v>
      </c>
      <c r="H1250" s="8">
        <v>79171</v>
      </c>
      <c r="I1250" s="8" t="s">
        <v>3796</v>
      </c>
      <c r="J1250" s="11" t="s">
        <v>3797</v>
      </c>
      <c r="K1250" s="8">
        <v>19</v>
      </c>
      <c r="L1250" s="8">
        <v>35629030</v>
      </c>
      <c r="M1250" s="8">
        <v>35637686</v>
      </c>
      <c r="N1250" s="12">
        <v>1</v>
      </c>
    </row>
    <row r="1251" spans="1:14" ht="114" x14ac:dyDescent="0.2">
      <c r="A1251" s="8" t="s">
        <v>3798</v>
      </c>
      <c r="B1251" s="8">
        <v>6.8424683743282699E-2</v>
      </c>
      <c r="C1251" s="8">
        <v>6.5807005329498596</v>
      </c>
      <c r="D1251" s="8">
        <v>1.9714299780093201</v>
      </c>
      <c r="E1251" s="26">
        <v>6.1806171628827497E-2</v>
      </c>
      <c r="F1251" s="8">
        <v>8.3343687841985398E-2</v>
      </c>
      <c r="G1251" s="8">
        <v>-6.94350509344949</v>
      </c>
      <c r="H1251" s="8">
        <v>51729</v>
      </c>
      <c r="I1251" s="8" t="s">
        <v>3799</v>
      </c>
      <c r="J1251" s="11" t="s">
        <v>3800</v>
      </c>
      <c r="K1251" s="8">
        <v>12</v>
      </c>
      <c r="L1251" s="8">
        <v>14784579</v>
      </c>
      <c r="M1251" s="8">
        <v>14803540</v>
      </c>
      <c r="N1251" s="12">
        <v>-1</v>
      </c>
    </row>
    <row r="1252" spans="1:14" ht="99.75" x14ac:dyDescent="0.2">
      <c r="A1252" s="8" t="s">
        <v>3801</v>
      </c>
      <c r="B1252" s="8">
        <v>-7.4444008654540803E-2</v>
      </c>
      <c r="C1252" s="8">
        <v>6.0192152024203196</v>
      </c>
      <c r="D1252" s="8">
        <v>-1.9696554940225599</v>
      </c>
      <c r="E1252" s="26">
        <v>6.20224423834271E-2</v>
      </c>
      <c r="F1252" s="8">
        <v>8.3611557086758298E-2</v>
      </c>
      <c r="G1252" s="8">
        <v>-6.8888689816534896</v>
      </c>
      <c r="H1252" s="8">
        <v>2794</v>
      </c>
      <c r="I1252" s="8" t="s">
        <v>3802</v>
      </c>
      <c r="J1252" s="11" t="s">
        <v>3803</v>
      </c>
      <c r="K1252" s="8">
        <v>6</v>
      </c>
      <c r="L1252" s="8">
        <v>30541377</v>
      </c>
      <c r="M1252" s="8">
        <v>30557174</v>
      </c>
      <c r="N1252" s="12">
        <v>-1</v>
      </c>
    </row>
    <row r="1253" spans="1:14" ht="156.75" x14ac:dyDescent="0.2">
      <c r="A1253" s="8" t="s">
        <v>3804</v>
      </c>
      <c r="B1253" s="8">
        <v>7.3416864862195994E-2</v>
      </c>
      <c r="C1253" s="8">
        <v>8.8939683710895903</v>
      </c>
      <c r="D1253" s="8">
        <v>1.95900735605757</v>
      </c>
      <c r="E1253" s="26">
        <v>6.3334358409279201E-2</v>
      </c>
      <c r="F1253" s="8">
        <v>8.5240859541339795E-2</v>
      </c>
      <c r="G1253" s="8">
        <v>-7.0995096254624803</v>
      </c>
      <c r="H1253" s="8">
        <v>11198</v>
      </c>
      <c r="I1253" s="8" t="s">
        <v>3805</v>
      </c>
      <c r="J1253" s="11" t="s">
        <v>3806</v>
      </c>
      <c r="K1253" s="8">
        <v>14</v>
      </c>
      <c r="L1253" s="8">
        <v>21351472</v>
      </c>
      <c r="M1253" s="8">
        <v>21384266</v>
      </c>
      <c r="N1253" s="12">
        <v>-1</v>
      </c>
    </row>
    <row r="1254" spans="1:14" ht="142.5" x14ac:dyDescent="0.2">
      <c r="A1254" s="8" t="s">
        <v>3807</v>
      </c>
      <c r="B1254" s="8">
        <v>0.11868062184852</v>
      </c>
      <c r="C1254" s="8">
        <v>4.0053124606202903</v>
      </c>
      <c r="D1254" s="8">
        <v>1.9518828432273601</v>
      </c>
      <c r="E1254" s="26">
        <v>6.4225801535354496E-2</v>
      </c>
      <c r="F1254" s="8">
        <v>8.6330431770535607E-2</v>
      </c>
      <c r="G1254" s="8">
        <v>-6.5215253376062501</v>
      </c>
      <c r="H1254" s="8">
        <v>123263</v>
      </c>
      <c r="I1254" s="8" t="s">
        <v>3808</v>
      </c>
      <c r="J1254" s="11" t="s">
        <v>3809</v>
      </c>
      <c r="K1254" s="8">
        <v>15</v>
      </c>
      <c r="L1254" s="8">
        <v>65001512</v>
      </c>
      <c r="M1254" s="8">
        <v>65029639</v>
      </c>
      <c r="N1254" s="12">
        <v>-1</v>
      </c>
    </row>
    <row r="1255" spans="1:14" ht="99.75" x14ac:dyDescent="0.2">
      <c r="A1255" s="8" t="s">
        <v>3810</v>
      </c>
      <c r="B1255" s="8">
        <v>0.128861977172672</v>
      </c>
      <c r="C1255" s="8">
        <v>3.7551794274044399</v>
      </c>
      <c r="D1255" s="8">
        <v>1.9513844569138099</v>
      </c>
      <c r="E1255" s="26">
        <v>6.4288574611613206E-2</v>
      </c>
      <c r="F1255" s="8">
        <v>8.6402569433752394E-2</v>
      </c>
      <c r="G1255" s="8">
        <v>-6.4562376217844299</v>
      </c>
      <c r="H1255" s="8">
        <v>5700</v>
      </c>
      <c r="I1255" s="8" t="s">
        <v>3811</v>
      </c>
      <c r="J1255" s="11" t="s">
        <v>3812</v>
      </c>
      <c r="K1255" s="8">
        <v>14</v>
      </c>
      <c r="L1255" s="8">
        <v>90256495</v>
      </c>
      <c r="M1255" s="8">
        <v>90275429</v>
      </c>
      <c r="N1255" s="12">
        <v>1</v>
      </c>
    </row>
    <row r="1256" spans="1:14" ht="99.75" x14ac:dyDescent="0.2">
      <c r="A1256" s="8" t="s">
        <v>3813</v>
      </c>
      <c r="B1256" s="8">
        <v>0.10490760332966299</v>
      </c>
      <c r="C1256" s="8">
        <v>4.9165662146134599</v>
      </c>
      <c r="D1256" s="8">
        <v>1.94370160538776</v>
      </c>
      <c r="E1256" s="26">
        <v>6.5263136096197105E-2</v>
      </c>
      <c r="F1256" s="8">
        <v>8.7563527552144499E-2</v>
      </c>
      <c r="G1256" s="8">
        <v>-6.7531866556256501</v>
      </c>
      <c r="H1256" s="8">
        <v>56949</v>
      </c>
      <c r="I1256" s="8" t="s">
        <v>3814</v>
      </c>
      <c r="J1256" s="11" t="s">
        <v>3815</v>
      </c>
      <c r="K1256" s="8">
        <v>19</v>
      </c>
      <c r="L1256" s="8">
        <v>7619525</v>
      </c>
      <c r="M1256" s="8">
        <v>7629565</v>
      </c>
      <c r="N1256" s="12">
        <v>-1</v>
      </c>
    </row>
    <row r="1257" spans="1:14" ht="114" x14ac:dyDescent="0.2">
      <c r="A1257" s="8" t="s">
        <v>3816</v>
      </c>
      <c r="B1257" s="8">
        <v>0.11844614675474199</v>
      </c>
      <c r="C1257" s="8">
        <v>4.6542313665704</v>
      </c>
      <c r="D1257" s="8">
        <v>1.9370798745178901</v>
      </c>
      <c r="E1257" s="26">
        <v>6.61135430425875E-2</v>
      </c>
      <c r="F1257" s="8">
        <v>8.8616803667127E-2</v>
      </c>
      <c r="G1257" s="8">
        <v>-6.7073999462178904</v>
      </c>
      <c r="H1257" s="8">
        <v>51073</v>
      </c>
      <c r="I1257" s="8" t="s">
        <v>3817</v>
      </c>
      <c r="J1257" s="11" t="s">
        <v>3818</v>
      </c>
      <c r="K1257" s="8">
        <v>19</v>
      </c>
      <c r="L1257" s="8">
        <v>10251901</v>
      </c>
      <c r="M1257" s="8">
        <v>10260045</v>
      </c>
      <c r="N1257" s="12">
        <v>1</v>
      </c>
    </row>
    <row r="1258" spans="1:14" ht="128.25" x14ac:dyDescent="0.2">
      <c r="A1258" s="8" t="s">
        <v>3819</v>
      </c>
      <c r="B1258" s="8">
        <v>9.4672687464708402E-2</v>
      </c>
      <c r="C1258" s="8">
        <v>6.1899113498306102</v>
      </c>
      <c r="D1258" s="8">
        <v>1.9342566343948699</v>
      </c>
      <c r="E1258" s="26">
        <v>6.64790865670115E-2</v>
      </c>
      <c r="F1258" s="8">
        <v>8.9050160639668002E-2</v>
      </c>
      <c r="G1258" s="8">
        <v>-6.9717904478757502</v>
      </c>
      <c r="H1258" s="8">
        <v>2193</v>
      </c>
      <c r="I1258" s="8" t="s">
        <v>3820</v>
      </c>
      <c r="J1258" s="11" t="s">
        <v>3821</v>
      </c>
      <c r="K1258" s="8">
        <v>19</v>
      </c>
      <c r="L1258" s="8">
        <v>12922479</v>
      </c>
      <c r="M1258" s="8">
        <v>12934037</v>
      </c>
      <c r="N1258" s="12">
        <v>-1</v>
      </c>
    </row>
    <row r="1259" spans="1:14" ht="114" x14ac:dyDescent="0.2">
      <c r="A1259" s="8" t="s">
        <v>3822</v>
      </c>
      <c r="B1259" s="8">
        <v>6.83880848074159E-2</v>
      </c>
      <c r="C1259" s="8">
        <v>7.79493669367191</v>
      </c>
      <c r="D1259" s="8">
        <v>1.9339658442966301</v>
      </c>
      <c r="E1259" s="26">
        <v>6.6516838184790594E-2</v>
      </c>
      <c r="F1259" s="8">
        <v>8.9094440869055005E-2</v>
      </c>
      <c r="G1259" s="8">
        <v>-7.0859070837571796</v>
      </c>
      <c r="H1259" s="8">
        <v>84726</v>
      </c>
      <c r="I1259" s="8" t="s">
        <v>3823</v>
      </c>
      <c r="J1259" s="11" t="s">
        <v>3824</v>
      </c>
      <c r="K1259" s="8">
        <v>9</v>
      </c>
      <c r="L1259" s="8">
        <v>131394093</v>
      </c>
      <c r="M1259" s="8">
        <v>131500197</v>
      </c>
      <c r="N1259" s="12">
        <v>1</v>
      </c>
    </row>
    <row r="1260" spans="1:14" ht="99.75" x14ac:dyDescent="0.2">
      <c r="A1260" s="8" t="s">
        <v>3825</v>
      </c>
      <c r="B1260" s="8">
        <v>-7.7121303988325202E-2</v>
      </c>
      <c r="C1260" s="8">
        <v>7.6000407132147503</v>
      </c>
      <c r="D1260" s="8">
        <v>-1.93028415548209</v>
      </c>
      <c r="E1260" s="26">
        <v>6.6996448833461605E-2</v>
      </c>
      <c r="F1260" s="8">
        <v>8.9660903350677099E-2</v>
      </c>
      <c r="G1260" s="8">
        <v>-7.0803073154204998</v>
      </c>
      <c r="H1260" s="8">
        <v>4677</v>
      </c>
      <c r="I1260" s="8" t="s">
        <v>3826</v>
      </c>
      <c r="J1260" s="11" t="s">
        <v>3827</v>
      </c>
      <c r="K1260" s="8">
        <v>18</v>
      </c>
      <c r="L1260" s="8">
        <v>57600656</v>
      </c>
      <c r="M1260" s="8">
        <v>57622213</v>
      </c>
      <c r="N1260" s="12">
        <v>-1</v>
      </c>
    </row>
    <row r="1261" spans="1:14" ht="128.25" x14ac:dyDescent="0.2">
      <c r="A1261" s="8" t="s">
        <v>3828</v>
      </c>
      <c r="B1261" s="8">
        <v>0.246112660439291</v>
      </c>
      <c r="C1261" s="8">
        <v>1.2690481276068299</v>
      </c>
      <c r="D1261" s="8">
        <v>1.9273941072251499</v>
      </c>
      <c r="E1261" s="26">
        <v>6.7375066851546594E-2</v>
      </c>
      <c r="F1261" s="8">
        <v>9.0123187714486797E-2</v>
      </c>
      <c r="G1261" s="8">
        <v>-5.7913567584802399</v>
      </c>
      <c r="H1261" s="8">
        <v>138428</v>
      </c>
      <c r="I1261" s="8" t="s">
        <v>3829</v>
      </c>
      <c r="J1261" s="11" t="s">
        <v>3830</v>
      </c>
      <c r="K1261" s="8">
        <v>9</v>
      </c>
      <c r="L1261" s="8">
        <v>127692978</v>
      </c>
      <c r="M1261" s="8">
        <v>127724873</v>
      </c>
      <c r="N1261" s="12">
        <v>-1</v>
      </c>
    </row>
    <row r="1262" spans="1:14" ht="114" x14ac:dyDescent="0.2">
      <c r="A1262" s="8" t="s">
        <v>3831</v>
      </c>
      <c r="B1262" s="8">
        <v>-9.1306706114491695E-2</v>
      </c>
      <c r="C1262" s="8">
        <v>7.2267770499845296</v>
      </c>
      <c r="D1262" s="8">
        <v>-1.91961125952429</v>
      </c>
      <c r="E1262" s="26">
        <v>6.8404071099207805E-2</v>
      </c>
      <c r="F1262" s="8">
        <v>9.1396469566265306E-2</v>
      </c>
      <c r="G1262" s="8">
        <v>-7.0763104708952103</v>
      </c>
      <c r="H1262" s="8">
        <v>10946</v>
      </c>
      <c r="I1262" s="8" t="s">
        <v>3832</v>
      </c>
      <c r="J1262" s="11" t="s">
        <v>3833</v>
      </c>
      <c r="K1262" s="8">
        <v>1</v>
      </c>
      <c r="L1262" s="8">
        <v>37956975</v>
      </c>
      <c r="M1262" s="8">
        <v>37990921</v>
      </c>
      <c r="N1262" s="12">
        <v>-1</v>
      </c>
    </row>
    <row r="1263" spans="1:14" ht="99.75" x14ac:dyDescent="0.2">
      <c r="A1263" s="8" t="s">
        <v>3834</v>
      </c>
      <c r="B1263" s="8">
        <v>-8.0151912529963495E-2</v>
      </c>
      <c r="C1263" s="8">
        <v>6.1216612927507201</v>
      </c>
      <c r="D1263" s="8">
        <v>-1.9181516284325799</v>
      </c>
      <c r="E1263" s="26">
        <v>6.8598589116977804E-2</v>
      </c>
      <c r="F1263" s="8">
        <v>9.1637014337103195E-2</v>
      </c>
      <c r="G1263" s="8">
        <v>-6.9898534928074199</v>
      </c>
      <c r="H1263" s="8">
        <v>740</v>
      </c>
      <c r="I1263" s="8" t="s">
        <v>3835</v>
      </c>
      <c r="J1263" s="11" t="s">
        <v>3836</v>
      </c>
      <c r="K1263" s="8">
        <v>11</v>
      </c>
      <c r="L1263" s="8">
        <v>65122183</v>
      </c>
      <c r="M1263" s="8">
        <v>65127371</v>
      </c>
      <c r="N1263" s="12">
        <v>1</v>
      </c>
    </row>
    <row r="1264" spans="1:14" ht="114" x14ac:dyDescent="0.2">
      <c r="A1264" s="8" t="s">
        <v>3837</v>
      </c>
      <c r="B1264" s="8">
        <v>7.3003543624395206E-2</v>
      </c>
      <c r="C1264" s="8">
        <v>7.2652922390172296</v>
      </c>
      <c r="D1264" s="8">
        <v>1.9171974722439</v>
      </c>
      <c r="E1264" s="26">
        <v>6.8726007981205803E-2</v>
      </c>
      <c r="F1264" s="8">
        <v>9.1768467032039197E-2</v>
      </c>
      <c r="G1264" s="8">
        <v>-7.0837978727597903</v>
      </c>
      <c r="H1264" s="8">
        <v>2926</v>
      </c>
      <c r="I1264" s="8" t="s">
        <v>3838</v>
      </c>
      <c r="J1264" s="11" t="s">
        <v>3839</v>
      </c>
      <c r="K1264" s="8">
        <v>4</v>
      </c>
      <c r="L1264" s="8">
        <v>70815782</v>
      </c>
      <c r="M1264" s="8">
        <v>70839945</v>
      </c>
      <c r="N1264" s="12">
        <v>-1</v>
      </c>
    </row>
    <row r="1265" spans="1:14" ht="114" x14ac:dyDescent="0.2">
      <c r="A1265" s="8" t="s">
        <v>3840</v>
      </c>
      <c r="B1265" s="8">
        <v>0.100348510655397</v>
      </c>
      <c r="C1265" s="8">
        <v>7.6130019423070303</v>
      </c>
      <c r="D1265" s="8">
        <v>1.9153323849999599</v>
      </c>
      <c r="E1265" s="26">
        <v>6.8975675107603301E-2</v>
      </c>
      <c r="F1265" s="8">
        <v>9.2075927582793093E-2</v>
      </c>
      <c r="G1265" s="8">
        <v>-7.1076710450220899</v>
      </c>
      <c r="H1265" s="8">
        <v>5411</v>
      </c>
      <c r="I1265" s="8" t="s">
        <v>3841</v>
      </c>
      <c r="J1265" s="11" t="s">
        <v>3842</v>
      </c>
      <c r="K1265" s="8">
        <v>14</v>
      </c>
      <c r="L1265" s="8">
        <v>39175183</v>
      </c>
      <c r="M1265" s="8">
        <v>39183218</v>
      </c>
      <c r="N1265" s="12">
        <v>1</v>
      </c>
    </row>
    <row r="1266" spans="1:14" ht="85.5" x14ac:dyDescent="0.2">
      <c r="A1266" s="8" t="s">
        <v>3843</v>
      </c>
      <c r="B1266" s="8">
        <v>9.3958024645737701E-2</v>
      </c>
      <c r="C1266" s="8">
        <v>5.4959985264276501</v>
      </c>
      <c r="D1266" s="8">
        <v>1.9008852236698</v>
      </c>
      <c r="E1266" s="26">
        <v>7.0936800559834895E-2</v>
      </c>
      <c r="F1266" s="8">
        <v>9.4381803563344802E-2</v>
      </c>
      <c r="G1266" s="8">
        <v>-6.9353620181867797</v>
      </c>
      <c r="H1266" s="8">
        <v>83732</v>
      </c>
      <c r="I1266" s="8" t="s">
        <v>3844</v>
      </c>
      <c r="J1266" s="11" t="s">
        <v>3845</v>
      </c>
      <c r="K1266" s="8">
        <v>6</v>
      </c>
      <c r="L1266" s="8">
        <v>7389496</v>
      </c>
      <c r="M1266" s="8">
        <v>7418037</v>
      </c>
      <c r="N1266" s="12">
        <v>1</v>
      </c>
    </row>
    <row r="1267" spans="1:14" ht="128.25" x14ac:dyDescent="0.2">
      <c r="A1267" s="8" t="s">
        <v>3846</v>
      </c>
      <c r="B1267" s="8">
        <v>0.11892714025375099</v>
      </c>
      <c r="C1267" s="8">
        <v>5.9247359502901196</v>
      </c>
      <c r="D1267" s="8">
        <v>1.8915051332550601</v>
      </c>
      <c r="E1267" s="26">
        <v>7.2236169184166393E-2</v>
      </c>
      <c r="F1267" s="8">
        <v>9.5969321101086996E-2</v>
      </c>
      <c r="G1267" s="8">
        <v>-7.0140944055784598</v>
      </c>
      <c r="H1267" s="8">
        <v>9933</v>
      </c>
      <c r="I1267" s="8" t="s">
        <v>3847</v>
      </c>
      <c r="J1267" s="11" t="s">
        <v>3848</v>
      </c>
      <c r="K1267" s="8">
        <v>9</v>
      </c>
      <c r="L1267" s="8">
        <v>2720469</v>
      </c>
      <c r="M1267" s="8">
        <v>2844241</v>
      </c>
      <c r="N1267" s="12">
        <v>-1</v>
      </c>
    </row>
    <row r="1268" spans="1:14" ht="99.75" x14ac:dyDescent="0.2">
      <c r="A1268" s="8" t="s">
        <v>3849</v>
      </c>
      <c r="B1268" s="8">
        <v>6.4879982959100205E-2</v>
      </c>
      <c r="C1268" s="8">
        <v>8.5949666082738094</v>
      </c>
      <c r="D1268" s="8">
        <v>1.8904195176190099</v>
      </c>
      <c r="E1268" s="26">
        <v>7.2387893107453499E-2</v>
      </c>
      <c r="F1268" s="8">
        <v>9.6132224605081001E-2</v>
      </c>
      <c r="G1268" s="8">
        <v>-7.2030908268845497</v>
      </c>
      <c r="H1268" s="8">
        <v>23521</v>
      </c>
      <c r="I1268" s="8" t="s">
        <v>3850</v>
      </c>
      <c r="J1268" s="11" t="s">
        <v>3851</v>
      </c>
      <c r="K1268" s="8">
        <v>19</v>
      </c>
      <c r="L1268" s="8">
        <v>49487554</v>
      </c>
      <c r="M1268" s="8">
        <v>49492308</v>
      </c>
      <c r="N1268" s="12">
        <v>1</v>
      </c>
    </row>
    <row r="1269" spans="1:14" ht="114" x14ac:dyDescent="0.2">
      <c r="A1269" s="8" t="s">
        <v>3852</v>
      </c>
      <c r="B1269" s="8">
        <v>-9.8902315489050693E-2</v>
      </c>
      <c r="C1269" s="8">
        <v>4.3910075058070301</v>
      </c>
      <c r="D1269" s="8">
        <v>-1.88734531048386</v>
      </c>
      <c r="E1269" s="26">
        <v>7.2819056656929199E-2</v>
      </c>
      <c r="F1269" s="8">
        <v>9.6642229399156995E-2</v>
      </c>
      <c r="G1269" s="8">
        <v>-6.72421995519385</v>
      </c>
      <c r="H1269" s="8">
        <v>84309</v>
      </c>
      <c r="I1269" s="8" t="s">
        <v>3853</v>
      </c>
      <c r="J1269" s="11" t="s">
        <v>3854</v>
      </c>
      <c r="K1269" s="8">
        <v>16</v>
      </c>
      <c r="L1269" s="8">
        <v>4693694</v>
      </c>
      <c r="M1269" s="8">
        <v>4695859</v>
      </c>
      <c r="N1269" s="12">
        <v>1</v>
      </c>
    </row>
    <row r="1270" spans="1:14" ht="99.75" x14ac:dyDescent="0.2">
      <c r="A1270" s="8" t="s">
        <v>3855</v>
      </c>
      <c r="B1270" s="8">
        <v>-7.30739439668113E-2</v>
      </c>
      <c r="C1270" s="8">
        <v>6.5356402098132103</v>
      </c>
      <c r="D1270" s="8">
        <v>-1.8845624433930399</v>
      </c>
      <c r="E1270" s="26">
        <v>7.3211298912544395E-2</v>
      </c>
      <c r="F1270" s="8">
        <v>9.7149207710184995E-2</v>
      </c>
      <c r="G1270" s="8">
        <v>-7.0877148225764399</v>
      </c>
      <c r="H1270" s="8">
        <v>56254</v>
      </c>
      <c r="I1270" s="8" t="s">
        <v>3856</v>
      </c>
      <c r="J1270" s="11" t="s">
        <v>3857</v>
      </c>
      <c r="K1270" s="8">
        <v>9</v>
      </c>
      <c r="L1270" s="8">
        <v>101533851</v>
      </c>
      <c r="M1270" s="8">
        <v>101563344</v>
      </c>
      <c r="N1270" s="12">
        <v>1</v>
      </c>
    </row>
    <row r="1271" spans="1:14" ht="114" x14ac:dyDescent="0.2">
      <c r="A1271" s="8" t="s">
        <v>3858</v>
      </c>
      <c r="B1271" s="8">
        <v>7.2327368194816402E-2</v>
      </c>
      <c r="C1271" s="8">
        <v>6.7092876727178599</v>
      </c>
      <c r="D1271" s="8">
        <v>1.8807360156528199</v>
      </c>
      <c r="E1271" s="26">
        <v>7.3753652388152402E-2</v>
      </c>
      <c r="F1271" s="8">
        <v>9.7834689037464603E-2</v>
      </c>
      <c r="G1271" s="8">
        <v>-7.1091676979873402</v>
      </c>
      <c r="H1271" s="8">
        <v>26512</v>
      </c>
      <c r="I1271" s="8" t="s">
        <v>3859</v>
      </c>
      <c r="J1271" s="11" t="s">
        <v>3860</v>
      </c>
      <c r="K1271" s="8">
        <v>13</v>
      </c>
      <c r="L1271" s="8">
        <v>51354077</v>
      </c>
      <c r="M1271" s="8">
        <v>51454264</v>
      </c>
      <c r="N1271" s="12">
        <v>-1</v>
      </c>
    </row>
    <row r="1272" spans="1:14" ht="85.5" x14ac:dyDescent="0.2">
      <c r="A1272" s="8" t="s">
        <v>3861</v>
      </c>
      <c r="B1272" s="8">
        <v>7.5204364699086299E-2</v>
      </c>
      <c r="C1272" s="8">
        <v>8.4842768600868297</v>
      </c>
      <c r="D1272" s="8">
        <v>1.86883565140603</v>
      </c>
      <c r="E1272" s="26">
        <v>7.5462944704423204E-2</v>
      </c>
      <c r="F1272" s="8">
        <v>9.9948373929078599E-2</v>
      </c>
      <c r="G1272" s="8">
        <v>-7.2340097309647504</v>
      </c>
      <c r="H1272" s="8">
        <v>7913</v>
      </c>
      <c r="I1272" s="8" t="s">
        <v>3862</v>
      </c>
      <c r="J1272" s="11" t="s">
        <v>3863</v>
      </c>
      <c r="K1272" s="8">
        <v>6</v>
      </c>
      <c r="L1272" s="8">
        <v>18223868</v>
      </c>
      <c r="M1272" s="8">
        <v>18264823</v>
      </c>
      <c r="N1272" s="12">
        <v>-1</v>
      </c>
    </row>
    <row r="1273" spans="1:14" ht="114" x14ac:dyDescent="0.2">
      <c r="A1273" s="8" t="s">
        <v>3864</v>
      </c>
      <c r="B1273" s="8">
        <v>7.5944548300039799E-2</v>
      </c>
      <c r="C1273" s="8">
        <v>6.8825998688856398</v>
      </c>
      <c r="D1273" s="8">
        <v>1.8667367121109599</v>
      </c>
      <c r="E1273" s="26">
        <v>7.5767990589097903E-2</v>
      </c>
      <c r="F1273" s="8">
        <v>0.100296397698752</v>
      </c>
      <c r="G1273" s="8">
        <v>-7.1449714880069504</v>
      </c>
      <c r="H1273" s="8">
        <v>8607</v>
      </c>
      <c r="I1273" s="8" t="s">
        <v>3865</v>
      </c>
      <c r="J1273" s="11" t="s">
        <v>3866</v>
      </c>
      <c r="K1273" s="8">
        <v>3</v>
      </c>
      <c r="L1273" s="8">
        <v>128064778</v>
      </c>
      <c r="M1273" s="8">
        <v>128153914</v>
      </c>
      <c r="N1273" s="12">
        <v>-1</v>
      </c>
    </row>
    <row r="1274" spans="1:14" ht="114" x14ac:dyDescent="0.2">
      <c r="A1274" s="8" t="s">
        <v>3867</v>
      </c>
      <c r="B1274" s="8">
        <v>5.8422884776527802E-2</v>
      </c>
      <c r="C1274" s="8">
        <v>8.01468362196605</v>
      </c>
      <c r="D1274" s="8">
        <v>1.85868212862162</v>
      </c>
      <c r="E1274" s="26">
        <v>7.6948614955078404E-2</v>
      </c>
      <c r="F1274" s="8">
        <v>0.101759851289374</v>
      </c>
      <c r="G1274" s="8">
        <v>-7.2259705814675499</v>
      </c>
      <c r="H1274" s="8">
        <v>10992</v>
      </c>
      <c r="I1274" s="8" t="s">
        <v>3868</v>
      </c>
      <c r="J1274" s="11" t="s">
        <v>3869</v>
      </c>
      <c r="K1274" s="8">
        <v>11</v>
      </c>
      <c r="L1274" s="8">
        <v>66050729</v>
      </c>
      <c r="M1274" s="8">
        <v>66069308</v>
      </c>
      <c r="N1274" s="12">
        <v>1</v>
      </c>
    </row>
    <row r="1275" spans="1:14" ht="142.5" x14ac:dyDescent="0.2">
      <c r="A1275" s="8" t="s">
        <v>3870</v>
      </c>
      <c r="B1275" s="8">
        <v>-0.14937712393161701</v>
      </c>
      <c r="C1275" s="8">
        <v>4.4527563163890296</v>
      </c>
      <c r="D1275" s="8">
        <v>-1.8580106253450399</v>
      </c>
      <c r="E1275" s="26">
        <v>7.7047764143212794E-2</v>
      </c>
      <c r="F1275" s="8">
        <v>0.101855480330599</v>
      </c>
      <c r="G1275" s="8">
        <v>-6.7871069265181498</v>
      </c>
      <c r="H1275" s="8">
        <v>113000</v>
      </c>
      <c r="I1275" s="8" t="s">
        <v>3871</v>
      </c>
      <c r="J1275" s="11" t="s">
        <v>3872</v>
      </c>
      <c r="K1275" s="8">
        <v>16</v>
      </c>
      <c r="L1275" s="8">
        <v>784974</v>
      </c>
      <c r="M1275" s="8">
        <v>788397</v>
      </c>
      <c r="N1275" s="12">
        <v>-1</v>
      </c>
    </row>
    <row r="1276" spans="1:14" ht="114" x14ac:dyDescent="0.2">
      <c r="A1276" s="8" t="s">
        <v>3873</v>
      </c>
      <c r="B1276" s="8">
        <v>6.8920721108907096E-2</v>
      </c>
      <c r="C1276" s="8">
        <v>6.6056109023983796</v>
      </c>
      <c r="D1276" s="8">
        <v>1.8567047800730601</v>
      </c>
      <c r="E1276" s="26">
        <v>7.7240894920203598E-2</v>
      </c>
      <c r="F1276" s="8">
        <v>0.10208234994781699</v>
      </c>
      <c r="G1276" s="8">
        <v>-7.1415712244457303</v>
      </c>
      <c r="H1276" s="8">
        <v>5511</v>
      </c>
      <c r="I1276" s="8" t="s">
        <v>3874</v>
      </c>
      <c r="J1276" s="11" t="s">
        <v>3875</v>
      </c>
      <c r="K1276" s="8">
        <v>1</v>
      </c>
      <c r="L1276" s="8">
        <v>27830778</v>
      </c>
      <c r="M1276" s="8">
        <v>27851676</v>
      </c>
      <c r="N1276" s="12">
        <v>1</v>
      </c>
    </row>
    <row r="1277" spans="1:14" ht="114" x14ac:dyDescent="0.2">
      <c r="A1277" s="8" t="s">
        <v>3876</v>
      </c>
      <c r="B1277" s="8">
        <v>-0.10539929904579801</v>
      </c>
      <c r="C1277" s="8">
        <v>4.2589781427707996</v>
      </c>
      <c r="D1277" s="8">
        <v>-1.8427479079190801</v>
      </c>
      <c r="E1277" s="26">
        <v>7.9331603227162706E-2</v>
      </c>
      <c r="F1277" s="8">
        <v>0.104641400878701</v>
      </c>
      <c r="G1277" s="8">
        <v>-6.7660834365093496</v>
      </c>
      <c r="H1277" s="8">
        <v>100885850</v>
      </c>
      <c r="I1277" s="8" t="s">
        <v>3877</v>
      </c>
      <c r="J1277" s="11" t="s">
        <v>3878</v>
      </c>
      <c r="K1277" s="8">
        <v>17</v>
      </c>
      <c r="L1277" s="8">
        <v>42950526</v>
      </c>
      <c r="M1277" s="8">
        <v>42980528</v>
      </c>
      <c r="N1277" s="12">
        <v>-1</v>
      </c>
    </row>
    <row r="1278" spans="1:14" ht="114" x14ac:dyDescent="0.2">
      <c r="A1278" s="8" t="s">
        <v>3879</v>
      </c>
      <c r="B1278" s="8">
        <v>0.113556971092201</v>
      </c>
      <c r="C1278" s="8">
        <v>4.5346694687456104</v>
      </c>
      <c r="D1278" s="8">
        <v>1.8348576302708399</v>
      </c>
      <c r="E1278" s="26">
        <v>8.0535227883464705E-2</v>
      </c>
      <c r="F1278" s="8">
        <v>0.10611101989478</v>
      </c>
      <c r="G1278" s="8">
        <v>-6.8522703449151399</v>
      </c>
      <c r="H1278" s="8">
        <v>129450</v>
      </c>
      <c r="I1278" s="8" t="s">
        <v>3880</v>
      </c>
      <c r="J1278" s="11" t="s">
        <v>3881</v>
      </c>
      <c r="K1278" s="8">
        <v>2</v>
      </c>
      <c r="L1278" s="8">
        <v>199929975</v>
      </c>
      <c r="M1278" s="8">
        <v>199955736</v>
      </c>
      <c r="N1278" s="12">
        <v>-1</v>
      </c>
    </row>
    <row r="1279" spans="1:14" ht="128.25" x14ac:dyDescent="0.2">
      <c r="A1279" s="8" t="s">
        <v>3882</v>
      </c>
      <c r="B1279" s="8">
        <v>8.2432130540555107E-2</v>
      </c>
      <c r="C1279" s="8">
        <v>5.4597123806043504</v>
      </c>
      <c r="D1279" s="8">
        <v>1.8334856881811501</v>
      </c>
      <c r="E1279" s="26">
        <v>8.0746125014473202E-2</v>
      </c>
      <c r="F1279" s="8">
        <v>0.106359354091737</v>
      </c>
      <c r="G1279" s="8">
        <v>-7.0423120361255496</v>
      </c>
      <c r="H1279" s="8">
        <v>84498</v>
      </c>
      <c r="I1279" s="8" t="s">
        <v>3883</v>
      </c>
      <c r="J1279" s="11" t="s">
        <v>3884</v>
      </c>
      <c r="K1279" s="8">
        <v>6</v>
      </c>
      <c r="L1279" s="8">
        <v>170290703</v>
      </c>
      <c r="M1279" s="8">
        <v>170407065</v>
      </c>
      <c r="N1279" s="12">
        <v>1</v>
      </c>
    </row>
    <row r="1280" spans="1:14" ht="99.75" x14ac:dyDescent="0.2">
      <c r="A1280" s="8" t="s">
        <v>3885</v>
      </c>
      <c r="B1280" s="8">
        <v>-0.12981137690575001</v>
      </c>
      <c r="C1280" s="8">
        <v>3.7494505650600698</v>
      </c>
      <c r="D1280" s="8">
        <v>-1.8328096074855</v>
      </c>
      <c r="E1280" s="26">
        <v>8.0850229806334606E-2</v>
      </c>
      <c r="F1280" s="8">
        <v>0.10646692186765699</v>
      </c>
      <c r="G1280" s="8">
        <v>-6.6481426879722703</v>
      </c>
      <c r="H1280" s="8">
        <v>54957</v>
      </c>
      <c r="I1280" s="8" t="s">
        <v>3886</v>
      </c>
      <c r="J1280" s="11" t="s">
        <v>3887</v>
      </c>
      <c r="K1280" s="8">
        <v>16</v>
      </c>
      <c r="L1280" s="8">
        <v>72044289</v>
      </c>
      <c r="M1280" s="8">
        <v>72094431</v>
      </c>
      <c r="N1280" s="12">
        <v>-1</v>
      </c>
    </row>
    <row r="1281" spans="1:14" ht="99.75" x14ac:dyDescent="0.2">
      <c r="A1281" s="8" t="s">
        <v>3888</v>
      </c>
      <c r="B1281" s="8">
        <v>0.105134808003628</v>
      </c>
      <c r="C1281" s="8">
        <v>4.5714917408942002</v>
      </c>
      <c r="D1281" s="8">
        <v>1.8321125482352001</v>
      </c>
      <c r="E1281" s="26">
        <v>8.0957687145523399E-2</v>
      </c>
      <c r="F1281" s="8">
        <v>0.106601028931487</v>
      </c>
      <c r="G1281" s="8">
        <v>-6.86530019290434</v>
      </c>
      <c r="H1281" s="8">
        <v>90441</v>
      </c>
      <c r="I1281" s="8" t="s">
        <v>3889</v>
      </c>
      <c r="J1281" s="11" t="s">
        <v>3890</v>
      </c>
      <c r="K1281" s="8">
        <v>5</v>
      </c>
      <c r="L1281" s="8">
        <v>16451519</v>
      </c>
      <c r="M1281" s="8">
        <v>16465792</v>
      </c>
      <c r="N1281" s="12">
        <v>-1</v>
      </c>
    </row>
    <row r="1282" spans="1:14" ht="85.5" x14ac:dyDescent="0.2">
      <c r="A1282" s="8" t="s">
        <v>3891</v>
      </c>
      <c r="B1282" s="8">
        <v>-7.5732334821156003E-2</v>
      </c>
      <c r="C1282" s="8">
        <v>6.0931786685179397</v>
      </c>
      <c r="D1282" s="8">
        <v>-1.82765299398263</v>
      </c>
      <c r="E1282" s="26">
        <v>8.1648106990104802E-2</v>
      </c>
      <c r="F1282" s="8">
        <v>0.10735371207311201</v>
      </c>
      <c r="G1282" s="8">
        <v>-7.1390055181689398</v>
      </c>
      <c r="H1282" s="8">
        <v>8480</v>
      </c>
      <c r="I1282" s="8" t="s">
        <v>3892</v>
      </c>
      <c r="J1282" s="11" t="s">
        <v>3893</v>
      </c>
      <c r="K1282" s="8">
        <v>20</v>
      </c>
      <c r="L1282" s="8">
        <v>57351010</v>
      </c>
      <c r="M1282" s="8">
        <v>57379211</v>
      </c>
      <c r="N1282" s="12">
        <v>1</v>
      </c>
    </row>
    <row r="1283" spans="1:14" ht="114" x14ac:dyDescent="0.2">
      <c r="A1283" s="8" t="s">
        <v>3894</v>
      </c>
      <c r="B1283" s="8">
        <v>9.2421424011367201E-2</v>
      </c>
      <c r="C1283" s="8">
        <v>4.6421320368619696</v>
      </c>
      <c r="D1283" s="8">
        <v>1.8209301756098999</v>
      </c>
      <c r="E1283" s="26">
        <v>8.2698591360752902E-2</v>
      </c>
      <c r="F1283" s="8">
        <v>0.108652116328788</v>
      </c>
      <c r="G1283" s="8">
        <v>-6.8999977395947498</v>
      </c>
      <c r="H1283" s="8">
        <v>2011</v>
      </c>
      <c r="I1283" s="8" t="s">
        <v>3895</v>
      </c>
      <c r="J1283" s="11" t="s">
        <v>3896</v>
      </c>
      <c r="K1283" s="8">
        <v>11</v>
      </c>
      <c r="L1283" s="8">
        <v>63838928</v>
      </c>
      <c r="M1283" s="8">
        <v>63911019</v>
      </c>
      <c r="N1283" s="12">
        <v>1</v>
      </c>
    </row>
    <row r="1284" spans="1:14" ht="114" x14ac:dyDescent="0.2">
      <c r="A1284" s="8" t="s">
        <v>3897</v>
      </c>
      <c r="B1284" s="8">
        <v>6.5751713256235106E-2</v>
      </c>
      <c r="C1284" s="8">
        <v>9.6675639724114202</v>
      </c>
      <c r="D1284" s="8">
        <v>1.81764284959762</v>
      </c>
      <c r="E1284" s="26">
        <v>8.3216516060735907E-2</v>
      </c>
      <c r="F1284" s="8">
        <v>0.10924938258627399</v>
      </c>
      <c r="G1284" s="8">
        <v>-7.3700595092559196</v>
      </c>
      <c r="H1284" s="8">
        <v>1778</v>
      </c>
      <c r="I1284" s="8" t="s">
        <v>3898</v>
      </c>
      <c r="J1284" s="11" t="s">
        <v>3899</v>
      </c>
      <c r="K1284" s="8">
        <v>14</v>
      </c>
      <c r="L1284" s="8">
        <v>101964528</v>
      </c>
      <c r="M1284" s="8">
        <v>102050792</v>
      </c>
      <c r="N1284" s="12">
        <v>1</v>
      </c>
    </row>
    <row r="1285" spans="1:14" ht="114" x14ac:dyDescent="0.2">
      <c r="A1285" s="8" t="s">
        <v>3900</v>
      </c>
      <c r="B1285" s="8">
        <v>6.4195718535868806E-2</v>
      </c>
      <c r="C1285" s="8">
        <v>8.7731807144599507</v>
      </c>
      <c r="D1285" s="8">
        <v>1.8167428533799499</v>
      </c>
      <c r="E1285" s="26">
        <v>8.3358802155330397E-2</v>
      </c>
      <c r="F1285" s="8">
        <v>0.10939833945378299</v>
      </c>
      <c r="G1285" s="8">
        <v>-7.3347359233280001</v>
      </c>
      <c r="H1285" s="8">
        <v>23450</v>
      </c>
      <c r="I1285" s="8" t="s">
        <v>3901</v>
      </c>
      <c r="J1285" s="11" t="s">
        <v>3902</v>
      </c>
      <c r="K1285" s="8">
        <v>16</v>
      </c>
      <c r="L1285" s="8">
        <v>70523788</v>
      </c>
      <c r="M1285" s="8">
        <v>70577670</v>
      </c>
      <c r="N1285" s="12">
        <v>1</v>
      </c>
    </row>
    <row r="1286" spans="1:14" ht="185.25" x14ac:dyDescent="0.2">
      <c r="A1286" s="8" t="s">
        <v>3903</v>
      </c>
      <c r="B1286" s="8">
        <v>-6.8715180840662499E-2</v>
      </c>
      <c r="C1286" s="8">
        <v>8.7292326669193692</v>
      </c>
      <c r="D1286" s="8">
        <v>-1.8054596380162</v>
      </c>
      <c r="E1286" s="26">
        <v>8.5160622558324003E-2</v>
      </c>
      <c r="F1286" s="8">
        <v>0.111624059558593</v>
      </c>
      <c r="G1286" s="8">
        <v>-7.3505643584907503</v>
      </c>
      <c r="H1286" s="8">
        <v>7534</v>
      </c>
      <c r="I1286" s="8" t="s">
        <v>3904</v>
      </c>
      <c r="J1286" s="11" t="s">
        <v>3905</v>
      </c>
      <c r="K1286" s="8">
        <v>8</v>
      </c>
      <c r="L1286" s="8">
        <v>100916525</v>
      </c>
      <c r="M1286" s="8">
        <v>100953388</v>
      </c>
      <c r="N1286" s="12">
        <v>-1</v>
      </c>
    </row>
    <row r="1287" spans="1:14" ht="114" x14ac:dyDescent="0.2">
      <c r="A1287" s="8" t="s">
        <v>3906</v>
      </c>
      <c r="B1287" s="8">
        <v>0.102615384209192</v>
      </c>
      <c r="C1287" s="8">
        <v>4.93302529569785</v>
      </c>
      <c r="D1287" s="8">
        <v>1.80529246244214</v>
      </c>
      <c r="E1287" s="26">
        <v>8.5187570611530705E-2</v>
      </c>
      <c r="F1287" s="8">
        <v>0.11165166983182701</v>
      </c>
      <c r="G1287" s="8">
        <v>-6.98968144749686</v>
      </c>
      <c r="H1287" s="8">
        <v>2961</v>
      </c>
      <c r="I1287" s="8" t="s">
        <v>3907</v>
      </c>
      <c r="J1287" s="11" t="s">
        <v>3908</v>
      </c>
      <c r="K1287" s="8">
        <v>8</v>
      </c>
      <c r="L1287" s="8">
        <v>30578318</v>
      </c>
      <c r="M1287" s="8">
        <v>30658251</v>
      </c>
      <c r="N1287" s="12">
        <v>-1</v>
      </c>
    </row>
    <row r="1288" spans="1:14" ht="142.5" x14ac:dyDescent="0.2">
      <c r="A1288" s="8" t="s">
        <v>3909</v>
      </c>
      <c r="B1288" s="8">
        <v>-0.117824912509173</v>
      </c>
      <c r="C1288" s="8">
        <v>5.31880232429309</v>
      </c>
      <c r="D1288" s="8">
        <v>-1.80375502941302</v>
      </c>
      <c r="E1288" s="26">
        <v>8.5435745327964302E-2</v>
      </c>
      <c r="F1288" s="8">
        <v>0.111961476354449</v>
      </c>
      <c r="G1288" s="8">
        <v>-7.0626985868204297</v>
      </c>
      <c r="H1288" s="8">
        <v>143244</v>
      </c>
      <c r="I1288" s="8" t="s">
        <v>3910</v>
      </c>
      <c r="J1288" s="11" t="s">
        <v>3911</v>
      </c>
      <c r="K1288" s="8">
        <v>10</v>
      </c>
      <c r="L1288" s="8">
        <v>79512601</v>
      </c>
      <c r="M1288" s="8">
        <v>79516440</v>
      </c>
      <c r="N1288" s="12">
        <v>1</v>
      </c>
    </row>
    <row r="1289" spans="1:14" ht="99.75" x14ac:dyDescent="0.2">
      <c r="A1289" s="8" t="s">
        <v>3912</v>
      </c>
      <c r="B1289" s="8">
        <v>-7.09114477173758E-2</v>
      </c>
      <c r="C1289" s="8">
        <v>6.9827478500933298</v>
      </c>
      <c r="D1289" s="8">
        <v>-1.7989611376355401</v>
      </c>
      <c r="E1289" s="26">
        <v>8.6213605926832804E-2</v>
      </c>
      <c r="F1289" s="8">
        <v>0.11291846225919699</v>
      </c>
      <c r="G1289" s="8">
        <v>-7.2629574011344298</v>
      </c>
      <c r="H1289" s="8">
        <v>29803</v>
      </c>
      <c r="I1289" s="8" t="s">
        <v>3913</v>
      </c>
      <c r="J1289" s="11" t="s">
        <v>3914</v>
      </c>
      <c r="K1289" s="8">
        <v>7</v>
      </c>
      <c r="L1289" s="8">
        <v>150368189</v>
      </c>
      <c r="M1289" s="8">
        <v>150374044</v>
      </c>
      <c r="N1289" s="12">
        <v>1</v>
      </c>
    </row>
    <row r="1290" spans="1:14" ht="128.25" x14ac:dyDescent="0.2">
      <c r="A1290" s="8" t="s">
        <v>3915</v>
      </c>
      <c r="B1290" s="8">
        <v>5.14856408712294E-2</v>
      </c>
      <c r="C1290" s="8">
        <v>11.5072016576556</v>
      </c>
      <c r="D1290" s="8">
        <v>1.79884564340936</v>
      </c>
      <c r="E1290" s="26">
        <v>8.6232421471824E-2</v>
      </c>
      <c r="F1290" s="8">
        <v>0.112935311405853</v>
      </c>
      <c r="G1290" s="8">
        <v>-7.4652057573216197</v>
      </c>
      <c r="H1290" s="8">
        <v>2597</v>
      </c>
      <c r="I1290" s="8" t="s">
        <v>3916</v>
      </c>
      <c r="J1290" s="11" t="s">
        <v>3917</v>
      </c>
      <c r="K1290" s="8">
        <v>12</v>
      </c>
      <c r="L1290" s="8">
        <v>6533927</v>
      </c>
      <c r="M1290" s="8">
        <v>6538374</v>
      </c>
      <c r="N1290" s="12">
        <v>1</v>
      </c>
    </row>
    <row r="1291" spans="1:14" ht="156.75" x14ac:dyDescent="0.2">
      <c r="A1291" s="8" t="s">
        <v>3918</v>
      </c>
      <c r="B1291" s="8">
        <v>-8.1366852083045907E-2</v>
      </c>
      <c r="C1291" s="8">
        <v>5.6400091389375104</v>
      </c>
      <c r="D1291" s="8">
        <v>-1.7868092550545001</v>
      </c>
      <c r="E1291" s="26">
        <v>8.8212884561284094E-2</v>
      </c>
      <c r="F1291" s="8">
        <v>0.11527447392366701</v>
      </c>
      <c r="G1291" s="8">
        <v>-7.14502230897532</v>
      </c>
      <c r="H1291" s="8">
        <v>9092</v>
      </c>
      <c r="I1291" s="8" t="s">
        <v>3919</v>
      </c>
      <c r="J1291" s="11" t="s">
        <v>3920</v>
      </c>
      <c r="K1291" s="8">
        <v>11</v>
      </c>
      <c r="L1291" s="8">
        <v>65961689</v>
      </c>
      <c r="M1291" s="8">
        <v>65979828</v>
      </c>
      <c r="N1291" s="12">
        <v>1</v>
      </c>
    </row>
    <row r="1292" spans="1:14" ht="128.25" x14ac:dyDescent="0.2">
      <c r="A1292" s="8" t="s">
        <v>3921</v>
      </c>
      <c r="B1292" s="8">
        <v>-7.6855931949517703E-2</v>
      </c>
      <c r="C1292" s="8">
        <v>7.1050666568023404</v>
      </c>
      <c r="D1292" s="8">
        <v>-1.7846437164478599</v>
      </c>
      <c r="E1292" s="26">
        <v>8.8573341618452803E-2</v>
      </c>
      <c r="F1292" s="8">
        <v>0.115689744916607</v>
      </c>
      <c r="G1292" s="8">
        <v>-7.2941454072110998</v>
      </c>
      <c r="H1292" s="8">
        <v>8668</v>
      </c>
      <c r="I1292" s="8" t="s">
        <v>3922</v>
      </c>
      <c r="J1292" s="11" t="s">
        <v>3923</v>
      </c>
      <c r="K1292" s="8">
        <v>1</v>
      </c>
      <c r="L1292" s="8">
        <v>32221928</v>
      </c>
      <c r="M1292" s="8">
        <v>32231604</v>
      </c>
      <c r="N1292" s="12">
        <v>1</v>
      </c>
    </row>
    <row r="1293" spans="1:14" ht="128.25" x14ac:dyDescent="0.2">
      <c r="A1293" s="8" t="s">
        <v>3924</v>
      </c>
      <c r="B1293" s="8">
        <v>8.9814853821103199E-2</v>
      </c>
      <c r="C1293" s="8">
        <v>5.5399462712777199</v>
      </c>
      <c r="D1293" s="8">
        <v>1.78294346751217</v>
      </c>
      <c r="E1293" s="26">
        <v>8.8857241047051602E-2</v>
      </c>
      <c r="F1293" s="8">
        <v>0.116028615106991</v>
      </c>
      <c r="G1293" s="8">
        <v>-7.1384277762463002</v>
      </c>
      <c r="H1293" s="8">
        <v>124245</v>
      </c>
      <c r="I1293" s="8" t="s">
        <v>3925</v>
      </c>
      <c r="J1293" s="11" t="s">
        <v>3926</v>
      </c>
      <c r="K1293" s="8">
        <v>16</v>
      </c>
      <c r="L1293" s="8">
        <v>88570381</v>
      </c>
      <c r="M1293" s="8">
        <v>88631966</v>
      </c>
      <c r="N1293" s="12">
        <v>1</v>
      </c>
    </row>
    <row r="1294" spans="1:14" ht="114" x14ac:dyDescent="0.2">
      <c r="A1294" s="8" t="s">
        <v>3927</v>
      </c>
      <c r="B1294" s="8">
        <v>8.9144194071479901E-2</v>
      </c>
      <c r="C1294" s="8">
        <v>6.8612451800748699</v>
      </c>
      <c r="D1294" s="8">
        <v>1.7776987182922399</v>
      </c>
      <c r="E1294" s="26">
        <v>8.9737937333016798E-2</v>
      </c>
      <c r="F1294" s="8">
        <v>0.11708999152699801</v>
      </c>
      <c r="G1294" s="8">
        <v>-7.2905207810043704</v>
      </c>
      <c r="H1294" s="8">
        <v>23481</v>
      </c>
      <c r="I1294" s="8" t="s">
        <v>3928</v>
      </c>
      <c r="J1294" s="11" t="s">
        <v>3929</v>
      </c>
      <c r="K1294" s="8">
        <v>22</v>
      </c>
      <c r="L1294" s="8">
        <v>30576625</v>
      </c>
      <c r="M1294" s="8">
        <v>30607083</v>
      </c>
      <c r="N1294" s="12">
        <v>-1</v>
      </c>
    </row>
    <row r="1295" spans="1:14" ht="128.25" x14ac:dyDescent="0.2">
      <c r="A1295" s="8" t="s">
        <v>3930</v>
      </c>
      <c r="B1295" s="8">
        <v>-0.107017340060706</v>
      </c>
      <c r="C1295" s="8">
        <v>4.3460404691910002</v>
      </c>
      <c r="D1295" s="8">
        <v>-1.75901915545542</v>
      </c>
      <c r="E1295" s="26">
        <v>9.2936000913368996E-2</v>
      </c>
      <c r="F1295" s="8">
        <v>0.120921939618307</v>
      </c>
      <c r="G1295" s="8">
        <v>-6.9246380466365496</v>
      </c>
      <c r="H1295" s="8">
        <v>55039</v>
      </c>
      <c r="I1295" s="8" t="s">
        <v>3931</v>
      </c>
      <c r="J1295" s="11" t="s">
        <v>3932</v>
      </c>
      <c r="K1295" s="8">
        <v>8</v>
      </c>
      <c r="L1295" s="8">
        <v>124450820</v>
      </c>
      <c r="M1295" s="8">
        <v>124462150</v>
      </c>
      <c r="N1295" s="12">
        <v>1</v>
      </c>
    </row>
    <row r="1296" spans="1:14" ht="99.75" x14ac:dyDescent="0.2">
      <c r="A1296" s="8" t="s">
        <v>3933</v>
      </c>
      <c r="B1296" s="8">
        <v>-6.4840814371741801E-2</v>
      </c>
      <c r="C1296" s="8">
        <v>6.3884072517690402</v>
      </c>
      <c r="D1296" s="8">
        <v>-1.75552288938963</v>
      </c>
      <c r="E1296" s="26">
        <v>9.3545353574342904E-2</v>
      </c>
      <c r="F1296" s="8">
        <v>0.121623059384784</v>
      </c>
      <c r="G1296" s="8">
        <v>-7.2874307028240803</v>
      </c>
      <c r="H1296" s="8">
        <v>11340</v>
      </c>
      <c r="I1296" s="8" t="s">
        <v>3934</v>
      </c>
      <c r="J1296" s="11" t="s">
        <v>3935</v>
      </c>
      <c r="K1296" s="8">
        <v>13</v>
      </c>
      <c r="L1296" s="8">
        <v>36998816</v>
      </c>
      <c r="M1296" s="8">
        <v>37009613</v>
      </c>
      <c r="N1296" s="12">
        <v>1</v>
      </c>
    </row>
    <row r="1297" spans="1:14" ht="114" x14ac:dyDescent="0.2">
      <c r="A1297" s="8" t="s">
        <v>3936</v>
      </c>
      <c r="B1297" s="8">
        <v>5.1722708759518503E-2</v>
      </c>
      <c r="C1297" s="8">
        <v>9.4197710317237409</v>
      </c>
      <c r="D1297" s="8">
        <v>1.7543166473735801</v>
      </c>
      <c r="E1297" s="26">
        <v>9.3756380687551696E-2</v>
      </c>
      <c r="F1297" s="8">
        <v>0.121864029884087</v>
      </c>
      <c r="G1297" s="8">
        <v>-7.46350790239359</v>
      </c>
      <c r="H1297" s="8">
        <v>3069</v>
      </c>
      <c r="I1297" s="8" t="s">
        <v>3937</v>
      </c>
      <c r="J1297" s="11" t="s">
        <v>3938</v>
      </c>
      <c r="K1297" s="8">
        <v>2</v>
      </c>
      <c r="L1297" s="8">
        <v>241227264</v>
      </c>
      <c r="M1297" s="8">
        <v>241317061</v>
      </c>
      <c r="N1297" s="12">
        <v>-1</v>
      </c>
    </row>
    <row r="1298" spans="1:14" ht="114" x14ac:dyDescent="0.2">
      <c r="A1298" s="8" t="s">
        <v>3939</v>
      </c>
      <c r="B1298" s="8">
        <v>6.14914023210789E-2</v>
      </c>
      <c r="C1298" s="8">
        <v>7.3687658118830104</v>
      </c>
      <c r="D1298" s="8">
        <v>1.7507955003761499</v>
      </c>
      <c r="E1298" s="26">
        <v>9.4374732015344701E-2</v>
      </c>
      <c r="F1298" s="8">
        <v>0.12254186038010199</v>
      </c>
      <c r="G1298" s="8">
        <v>-7.36577723641705</v>
      </c>
      <c r="H1298" s="8">
        <v>10989</v>
      </c>
      <c r="I1298" s="8" t="s">
        <v>3940</v>
      </c>
      <c r="J1298" s="11" t="s">
        <v>3941</v>
      </c>
      <c r="K1298" s="8">
        <v>2</v>
      </c>
      <c r="L1298" s="8">
        <v>86143932</v>
      </c>
      <c r="M1298" s="8">
        <v>86195770</v>
      </c>
      <c r="N1298" s="12">
        <v>-1</v>
      </c>
    </row>
    <row r="1299" spans="1:14" ht="142.5" x14ac:dyDescent="0.2">
      <c r="A1299" s="8" t="s">
        <v>3942</v>
      </c>
      <c r="B1299" s="8">
        <v>-6.7952879984948894E-2</v>
      </c>
      <c r="C1299" s="8">
        <v>5.9307875782347299</v>
      </c>
      <c r="D1299" s="8">
        <v>-1.7438279608335401</v>
      </c>
      <c r="E1299" s="26">
        <v>9.5608632115715103E-2</v>
      </c>
      <c r="F1299" s="8">
        <v>0.124016747208471</v>
      </c>
      <c r="G1299" s="8">
        <v>-7.2556717513267301</v>
      </c>
      <c r="H1299" s="8" t="s">
        <v>3943</v>
      </c>
      <c r="I1299" s="8" t="s">
        <v>3944</v>
      </c>
      <c r="J1299" s="11" t="s">
        <v>3945</v>
      </c>
      <c r="K1299" s="8">
        <v>6</v>
      </c>
      <c r="L1299" s="8">
        <v>31952087</v>
      </c>
      <c r="M1299" s="8">
        <v>31959110</v>
      </c>
      <c r="N1299" s="12">
        <v>-1</v>
      </c>
    </row>
    <row r="1300" spans="1:14" ht="128.25" x14ac:dyDescent="0.2">
      <c r="A1300" s="8" t="s">
        <v>3946</v>
      </c>
      <c r="B1300" s="8">
        <v>7.7759149122158505E-2</v>
      </c>
      <c r="C1300" s="8">
        <v>7.9683775507700201</v>
      </c>
      <c r="D1300" s="8">
        <v>1.74301956498446</v>
      </c>
      <c r="E1300" s="26">
        <v>9.5752685132893506E-2</v>
      </c>
      <c r="F1300" s="8">
        <v>0.12417813884828301</v>
      </c>
      <c r="G1300" s="8">
        <v>-7.4126968979001298</v>
      </c>
      <c r="H1300" s="8">
        <v>8662</v>
      </c>
      <c r="I1300" s="8" t="s">
        <v>3947</v>
      </c>
      <c r="J1300" s="11" t="s">
        <v>3948</v>
      </c>
      <c r="K1300" s="8">
        <v>7</v>
      </c>
      <c r="L1300" s="8">
        <v>2354086</v>
      </c>
      <c r="M1300" s="8">
        <v>2380745</v>
      </c>
      <c r="N1300" s="12">
        <v>1</v>
      </c>
    </row>
    <row r="1301" spans="1:14" ht="128.25" x14ac:dyDescent="0.2">
      <c r="A1301" s="8" t="s">
        <v>3949</v>
      </c>
      <c r="B1301" s="8">
        <v>-8.1598554297818801E-2</v>
      </c>
      <c r="C1301" s="8">
        <v>5.66771681004108</v>
      </c>
      <c r="D1301" s="8">
        <v>-1.7415953173601999</v>
      </c>
      <c r="E1301" s="26">
        <v>9.6006933424938698E-2</v>
      </c>
      <c r="F1301" s="8">
        <v>0.12449084903348601</v>
      </c>
      <c r="G1301" s="8">
        <v>-7.2220269704636397</v>
      </c>
      <c r="H1301" s="8">
        <v>65244</v>
      </c>
      <c r="I1301" s="8" t="s">
        <v>3950</v>
      </c>
      <c r="J1301" s="11" t="s">
        <v>3951</v>
      </c>
      <c r="K1301" s="8">
        <v>12</v>
      </c>
      <c r="L1301" s="8">
        <v>49366584</v>
      </c>
      <c r="M1301" s="8">
        <v>49527424</v>
      </c>
      <c r="N1301" s="12">
        <v>1</v>
      </c>
    </row>
    <row r="1302" spans="1:14" ht="114" x14ac:dyDescent="0.2">
      <c r="A1302" s="8" t="s">
        <v>3952</v>
      </c>
      <c r="B1302" s="8">
        <v>7.41364626902659E-2</v>
      </c>
      <c r="C1302" s="8">
        <v>9.77911895247858</v>
      </c>
      <c r="D1302" s="8">
        <v>1.74145335075959</v>
      </c>
      <c r="E1302" s="26">
        <v>9.6032308161811603E-2</v>
      </c>
      <c r="F1302" s="8">
        <v>0.124515244054844</v>
      </c>
      <c r="G1302" s="8">
        <v>-7.4977887132871901</v>
      </c>
      <c r="H1302" s="8">
        <v>3181</v>
      </c>
      <c r="I1302" s="8" t="s">
        <v>3953</v>
      </c>
      <c r="J1302" s="11" t="s">
        <v>3954</v>
      </c>
      <c r="K1302" s="8">
        <v>7</v>
      </c>
      <c r="L1302" s="8">
        <v>26189927</v>
      </c>
      <c r="M1302" s="8">
        <v>26201529</v>
      </c>
      <c r="N1302" s="12">
        <v>-1</v>
      </c>
    </row>
    <row r="1303" spans="1:14" ht="171" x14ac:dyDescent="0.2">
      <c r="A1303" s="8" t="s">
        <v>3955</v>
      </c>
      <c r="B1303" s="8">
        <v>-7.7221812987218599E-2</v>
      </c>
      <c r="C1303" s="8">
        <v>5.99715201046192</v>
      </c>
      <c r="D1303" s="8">
        <v>-1.7390813849616</v>
      </c>
      <c r="E1303" s="26">
        <v>9.6457118412340295E-2</v>
      </c>
      <c r="F1303" s="8">
        <v>0.12504042189432199</v>
      </c>
      <c r="G1303" s="8">
        <v>-7.2712985852562202</v>
      </c>
      <c r="H1303" s="8">
        <v>134218</v>
      </c>
      <c r="I1303" s="8" t="s">
        <v>3956</v>
      </c>
      <c r="J1303" s="11" t="s">
        <v>3957</v>
      </c>
      <c r="K1303" s="8">
        <v>5</v>
      </c>
      <c r="L1303" s="8">
        <v>34929593</v>
      </c>
      <c r="M1303" s="8">
        <v>34958964</v>
      </c>
      <c r="N1303" s="12">
        <v>1</v>
      </c>
    </row>
    <row r="1304" spans="1:14" ht="99.75" x14ac:dyDescent="0.2">
      <c r="A1304" s="8" t="s">
        <v>3958</v>
      </c>
      <c r="B1304" s="8">
        <v>7.6959987549210004E-2</v>
      </c>
      <c r="C1304" s="8">
        <v>6.3192839930770504</v>
      </c>
      <c r="D1304" s="8">
        <v>1.7382861757357799</v>
      </c>
      <c r="E1304" s="26">
        <v>9.6599897459405296E-2</v>
      </c>
      <c r="F1304" s="8">
        <v>0.12519985344127399</v>
      </c>
      <c r="G1304" s="8">
        <v>-7.3098996266710801</v>
      </c>
      <c r="H1304" s="8">
        <v>51202</v>
      </c>
      <c r="I1304" s="8" t="s">
        <v>3959</v>
      </c>
      <c r="J1304" s="11" t="s">
        <v>3960</v>
      </c>
      <c r="K1304" s="8">
        <v>12</v>
      </c>
      <c r="L1304" s="8">
        <v>12813316</v>
      </c>
      <c r="M1304" s="8">
        <v>12829981</v>
      </c>
      <c r="N1304" s="12">
        <v>1</v>
      </c>
    </row>
    <row r="1305" spans="1:14" ht="128.25" x14ac:dyDescent="0.2">
      <c r="A1305" s="8" t="s">
        <v>3961</v>
      </c>
      <c r="B1305" s="8">
        <v>6.5321531033261798E-2</v>
      </c>
      <c r="C1305" s="8">
        <v>7.4583006193953096</v>
      </c>
      <c r="D1305" s="8">
        <v>1.7365235865050499</v>
      </c>
      <c r="E1305" s="26">
        <v>9.6917014357305598E-2</v>
      </c>
      <c r="F1305" s="8">
        <v>0.12557655205916901</v>
      </c>
      <c r="G1305" s="8">
        <v>-7.3938783489167204</v>
      </c>
      <c r="H1305" s="8">
        <v>57805</v>
      </c>
      <c r="I1305" s="8" t="s">
        <v>3962</v>
      </c>
      <c r="J1305" s="11" t="s">
        <v>3963</v>
      </c>
      <c r="K1305" s="8">
        <v>8</v>
      </c>
      <c r="L1305" s="8">
        <v>22604632</v>
      </c>
      <c r="M1305" s="8">
        <v>22621514</v>
      </c>
      <c r="N1305" s="12">
        <v>1</v>
      </c>
    </row>
    <row r="1306" spans="1:14" ht="114" x14ac:dyDescent="0.2">
      <c r="A1306" s="8" t="s">
        <v>3964</v>
      </c>
      <c r="B1306" s="8">
        <v>6.6365627350533501E-2</v>
      </c>
      <c r="C1306" s="8">
        <v>6.1738566478847297</v>
      </c>
      <c r="D1306" s="8">
        <v>1.72506067926114</v>
      </c>
      <c r="E1306" s="26">
        <v>9.9001198744292099E-2</v>
      </c>
      <c r="F1306" s="8">
        <v>0.128067194858243</v>
      </c>
      <c r="G1306" s="8">
        <v>-7.3158607424390603</v>
      </c>
      <c r="H1306" s="8">
        <v>84991</v>
      </c>
      <c r="I1306" s="8" t="s">
        <v>3965</v>
      </c>
      <c r="J1306" s="11" t="s">
        <v>3966</v>
      </c>
      <c r="K1306" s="8">
        <v>10</v>
      </c>
      <c r="L1306" s="8">
        <v>6088987</v>
      </c>
      <c r="M1306" s="8">
        <v>6117457</v>
      </c>
      <c r="N1306" s="12">
        <v>1</v>
      </c>
    </row>
    <row r="1307" spans="1:14" ht="128.25" x14ac:dyDescent="0.2">
      <c r="A1307" s="8" t="s">
        <v>3967</v>
      </c>
      <c r="B1307" s="8">
        <v>9.65347883725345E-2</v>
      </c>
      <c r="C1307" s="8">
        <v>4.7354321256974803</v>
      </c>
      <c r="D1307" s="8">
        <v>1.7237760585513699</v>
      </c>
      <c r="E1307" s="26">
        <v>9.9237139663447896E-2</v>
      </c>
      <c r="F1307" s="8">
        <v>0.12834615957154299</v>
      </c>
      <c r="G1307" s="8">
        <v>-7.0781770839241203</v>
      </c>
      <c r="H1307" s="8">
        <v>57466</v>
      </c>
      <c r="I1307" s="8" t="s">
        <v>3968</v>
      </c>
      <c r="J1307" s="11" t="s">
        <v>3969</v>
      </c>
      <c r="K1307" s="8">
        <v>21</v>
      </c>
      <c r="L1307" s="8">
        <v>31671033</v>
      </c>
      <c r="M1307" s="8">
        <v>31732075</v>
      </c>
      <c r="N1307" s="12">
        <v>-1</v>
      </c>
    </row>
    <row r="1308" spans="1:14" ht="114" x14ac:dyDescent="0.2">
      <c r="A1308" s="8" t="s">
        <v>3970</v>
      </c>
      <c r="B1308" s="8">
        <v>-6.2156941569971202E-2</v>
      </c>
      <c r="C1308" s="8">
        <v>6.1868501983091102</v>
      </c>
      <c r="D1308" s="8">
        <v>-1.7181005713789199</v>
      </c>
      <c r="E1308" s="26">
        <v>0.100285293337673</v>
      </c>
      <c r="F1308" s="8">
        <v>0.12961343129258401</v>
      </c>
      <c r="G1308" s="8">
        <v>-7.3266451937327597</v>
      </c>
      <c r="H1308" s="8">
        <v>22938</v>
      </c>
      <c r="I1308" s="8" t="s">
        <v>3971</v>
      </c>
      <c r="J1308" s="11" t="s">
        <v>3972</v>
      </c>
      <c r="K1308" s="8">
        <v>14</v>
      </c>
      <c r="L1308" s="8">
        <v>77717599</v>
      </c>
      <c r="M1308" s="8">
        <v>77761207</v>
      </c>
      <c r="N1308" s="12">
        <v>-1</v>
      </c>
    </row>
    <row r="1309" spans="1:14" ht="85.5" x14ac:dyDescent="0.2">
      <c r="A1309" s="8" t="s">
        <v>3973</v>
      </c>
      <c r="B1309" s="8">
        <v>6.9026476882919005E-2</v>
      </c>
      <c r="C1309" s="8">
        <v>7.1224720006062796</v>
      </c>
      <c r="D1309" s="8">
        <v>1.7167719642625501</v>
      </c>
      <c r="E1309" s="26">
        <v>0.100532022958778</v>
      </c>
      <c r="F1309" s="8">
        <v>0.12990577418553201</v>
      </c>
      <c r="G1309" s="8">
        <v>-7.4048644157143304</v>
      </c>
      <c r="H1309" s="8">
        <v>23214</v>
      </c>
      <c r="I1309" s="8" t="s">
        <v>3974</v>
      </c>
      <c r="J1309" s="11" t="s">
        <v>3975</v>
      </c>
      <c r="K1309" s="8">
        <v>16</v>
      </c>
      <c r="L1309" s="8">
        <v>28097979</v>
      </c>
      <c r="M1309" s="8">
        <v>28211920</v>
      </c>
      <c r="N1309" s="12">
        <v>-1</v>
      </c>
    </row>
    <row r="1310" spans="1:14" ht="128.25" x14ac:dyDescent="0.2">
      <c r="A1310" s="8" t="s">
        <v>3976</v>
      </c>
      <c r="B1310" s="8">
        <v>0.152827151255647</v>
      </c>
      <c r="C1310" s="8">
        <v>2.6610179844760302</v>
      </c>
      <c r="D1310" s="8">
        <v>1.71563528854022</v>
      </c>
      <c r="E1310" s="26">
        <v>0.10074352108436301</v>
      </c>
      <c r="F1310" s="8">
        <v>0.13016134256658199</v>
      </c>
      <c r="G1310" s="8">
        <v>-6.5418561696796997</v>
      </c>
      <c r="H1310" s="8">
        <v>549</v>
      </c>
      <c r="I1310" s="8" t="s">
        <v>3977</v>
      </c>
      <c r="J1310" s="11" t="s">
        <v>3978</v>
      </c>
      <c r="K1310" s="8">
        <v>9</v>
      </c>
      <c r="L1310" s="8">
        <v>91213815</v>
      </c>
      <c r="M1310" s="8">
        <v>91361913</v>
      </c>
      <c r="N1310" s="12">
        <v>-1</v>
      </c>
    </row>
    <row r="1311" spans="1:14" ht="85.5" x14ac:dyDescent="0.2">
      <c r="A1311" s="8" t="s">
        <v>3979</v>
      </c>
      <c r="B1311" s="8">
        <v>7.1244839357071002E-2</v>
      </c>
      <c r="C1311" s="8">
        <v>7.1976489847317504</v>
      </c>
      <c r="D1311" s="8">
        <v>1.71176492705082</v>
      </c>
      <c r="E1311" s="26">
        <v>0.10146651923859901</v>
      </c>
      <c r="F1311" s="8">
        <v>0.13100626858014</v>
      </c>
      <c r="G1311" s="8">
        <v>-7.4174724330164201</v>
      </c>
      <c r="H1311" s="8">
        <v>57510</v>
      </c>
      <c r="I1311" s="8" t="s">
        <v>3980</v>
      </c>
      <c r="J1311" s="11" t="s">
        <v>3981</v>
      </c>
      <c r="K1311" s="8">
        <v>6</v>
      </c>
      <c r="L1311" s="8">
        <v>43522330</v>
      </c>
      <c r="M1311" s="8">
        <v>43576075</v>
      </c>
      <c r="N1311" s="12">
        <v>-1</v>
      </c>
    </row>
    <row r="1312" spans="1:14" ht="142.5" x14ac:dyDescent="0.2">
      <c r="A1312" s="8" t="s">
        <v>3982</v>
      </c>
      <c r="B1312" s="8">
        <v>6.7312836751225902E-2</v>
      </c>
      <c r="C1312" s="8">
        <v>5.5210380631098497</v>
      </c>
      <c r="D1312" s="8">
        <v>1.7116825246217799</v>
      </c>
      <c r="E1312" s="26">
        <v>0.101481960328777</v>
      </c>
      <c r="F1312" s="8">
        <v>0.13101729105103799</v>
      </c>
      <c r="G1312" s="8">
        <v>-7.2490281063825401</v>
      </c>
      <c r="H1312" s="8">
        <v>255967</v>
      </c>
      <c r="I1312" s="8" t="s">
        <v>3983</v>
      </c>
      <c r="J1312" s="11" t="s">
        <v>3984</v>
      </c>
      <c r="K1312" s="8">
        <v>13</v>
      </c>
      <c r="L1312" s="8">
        <v>28138506</v>
      </c>
      <c r="M1312" s="8">
        <v>28295335</v>
      </c>
      <c r="N1312" s="12">
        <v>1</v>
      </c>
    </row>
    <row r="1313" spans="1:14" ht="142.5" x14ac:dyDescent="0.2">
      <c r="A1313" s="8" t="s">
        <v>3985</v>
      </c>
      <c r="B1313" s="8">
        <v>0.11781400348383</v>
      </c>
      <c r="C1313" s="8">
        <v>4.0259669941084297</v>
      </c>
      <c r="D1313" s="8">
        <v>1.7027852605912299</v>
      </c>
      <c r="E1313" s="26">
        <v>0.103161018383848</v>
      </c>
      <c r="F1313" s="8">
        <v>0.133013089133733</v>
      </c>
      <c r="G1313" s="8">
        <v>-6.9384812137290304</v>
      </c>
      <c r="H1313" s="8">
        <v>79736</v>
      </c>
      <c r="I1313" s="8" t="s">
        <v>3986</v>
      </c>
      <c r="J1313" s="11" t="s">
        <v>3987</v>
      </c>
      <c r="K1313" s="8">
        <v>17</v>
      </c>
      <c r="L1313" s="8">
        <v>30897336</v>
      </c>
      <c r="M1313" s="8">
        <v>30906820</v>
      </c>
      <c r="N1313" s="12">
        <v>-1</v>
      </c>
    </row>
    <row r="1314" spans="1:14" ht="114" x14ac:dyDescent="0.2">
      <c r="A1314" s="8" t="s">
        <v>3988</v>
      </c>
      <c r="B1314" s="8">
        <v>-0.123304826465159</v>
      </c>
      <c r="C1314" s="8">
        <v>3.2216687460785902</v>
      </c>
      <c r="D1314" s="8">
        <v>-1.6986838419261301</v>
      </c>
      <c r="E1314" s="26">
        <v>0.103942957088604</v>
      </c>
      <c r="F1314" s="8">
        <v>0.13394849223621</v>
      </c>
      <c r="G1314" s="8">
        <v>-6.7194754665686602</v>
      </c>
      <c r="H1314" s="8">
        <v>92259</v>
      </c>
      <c r="I1314" s="8" t="s">
        <v>3989</v>
      </c>
      <c r="J1314" s="11" t="s">
        <v>3990</v>
      </c>
      <c r="K1314" s="8">
        <v>5</v>
      </c>
      <c r="L1314" s="8">
        <v>69217760</v>
      </c>
      <c r="M1314" s="8">
        <v>69230129</v>
      </c>
      <c r="N1314" s="12">
        <v>1</v>
      </c>
    </row>
    <row r="1315" spans="1:14" ht="114" x14ac:dyDescent="0.2">
      <c r="A1315" s="8" t="s">
        <v>3991</v>
      </c>
      <c r="B1315" s="8">
        <v>0.110487405742133</v>
      </c>
      <c r="C1315" s="8">
        <v>4.2106297267768102</v>
      </c>
      <c r="D1315" s="8">
        <v>1.6964094667666001</v>
      </c>
      <c r="E1315" s="26">
        <v>0.10437873900995</v>
      </c>
      <c r="F1315" s="8">
        <v>0.13446441722841801</v>
      </c>
      <c r="G1315" s="8">
        <v>-6.9956172412830799</v>
      </c>
      <c r="H1315" s="8" t="s">
        <v>3992</v>
      </c>
      <c r="I1315" s="8" t="s">
        <v>3993</v>
      </c>
      <c r="J1315" s="11" t="s">
        <v>3994</v>
      </c>
      <c r="K1315" s="8">
        <v>19</v>
      </c>
      <c r="L1315" s="8">
        <v>1815246</v>
      </c>
      <c r="M1315" s="8">
        <v>1848463</v>
      </c>
      <c r="N1315" s="12">
        <v>-1</v>
      </c>
    </row>
    <row r="1316" spans="1:14" ht="142.5" x14ac:dyDescent="0.2">
      <c r="A1316" s="8" t="s">
        <v>3995</v>
      </c>
      <c r="B1316" s="8">
        <v>6.9798556637969106E-2</v>
      </c>
      <c r="C1316" s="8">
        <v>7.66325971802822</v>
      </c>
      <c r="D1316" s="8">
        <v>1.6914428859867401</v>
      </c>
      <c r="E1316" s="26">
        <v>0.105335766993307</v>
      </c>
      <c r="F1316" s="8">
        <v>0.135605240501458</v>
      </c>
      <c r="G1316" s="8">
        <v>-7.47688203236084</v>
      </c>
      <c r="H1316" s="8">
        <v>23381</v>
      </c>
      <c r="I1316" s="8" t="s">
        <v>3996</v>
      </c>
      <c r="J1316" s="11" t="s">
        <v>3997</v>
      </c>
      <c r="K1316" s="8">
        <v>1</v>
      </c>
      <c r="L1316" s="8">
        <v>156249224</v>
      </c>
      <c r="M1316" s="8">
        <v>156282825</v>
      </c>
      <c r="N1316" s="12">
        <v>-1</v>
      </c>
    </row>
    <row r="1317" spans="1:14" ht="99.75" x14ac:dyDescent="0.2">
      <c r="A1317" s="8" t="s">
        <v>3998</v>
      </c>
      <c r="B1317" s="8">
        <v>-8.1167859780355997E-2</v>
      </c>
      <c r="C1317" s="8">
        <v>6.3710765496451804</v>
      </c>
      <c r="D1317" s="8">
        <v>-1.6859076916742499</v>
      </c>
      <c r="E1317" s="26">
        <v>0.106411142224726</v>
      </c>
      <c r="F1317" s="8">
        <v>0.136841109032908</v>
      </c>
      <c r="G1317" s="8">
        <v>-7.3956302637425297</v>
      </c>
      <c r="H1317" s="8">
        <v>26528</v>
      </c>
      <c r="I1317" s="8" t="s">
        <v>3999</v>
      </c>
      <c r="J1317" s="11" t="s">
        <v>4000</v>
      </c>
      <c r="K1317" s="8">
        <v>19</v>
      </c>
      <c r="L1317" s="8">
        <v>1407569</v>
      </c>
      <c r="M1317" s="8">
        <v>1435687</v>
      </c>
      <c r="N1317" s="12">
        <v>1</v>
      </c>
    </row>
    <row r="1318" spans="1:14" ht="85.5" x14ac:dyDescent="0.2">
      <c r="A1318" s="8" t="s">
        <v>4001</v>
      </c>
      <c r="B1318" s="8">
        <v>8.2345246343996897E-2</v>
      </c>
      <c r="C1318" s="8">
        <v>4.7144188011728403</v>
      </c>
      <c r="D1318" s="8">
        <v>1.68306137999289</v>
      </c>
      <c r="E1318" s="26">
        <v>0.106967743214593</v>
      </c>
      <c r="F1318" s="8">
        <v>0.13749165964395399</v>
      </c>
      <c r="G1318" s="8">
        <v>-7.1369838652868003</v>
      </c>
      <c r="H1318" s="8">
        <v>6311</v>
      </c>
      <c r="I1318" s="8" t="s">
        <v>4002</v>
      </c>
      <c r="J1318" s="11" t="s">
        <v>4003</v>
      </c>
      <c r="K1318" s="8">
        <v>12</v>
      </c>
      <c r="L1318" s="8">
        <v>111452214</v>
      </c>
      <c r="M1318" s="8">
        <v>111599676</v>
      </c>
      <c r="N1318" s="12">
        <v>-1</v>
      </c>
    </row>
    <row r="1319" spans="1:14" ht="71.25" x14ac:dyDescent="0.2">
      <c r="A1319" s="8" t="s">
        <v>4004</v>
      </c>
      <c r="B1319" s="8">
        <v>-7.9062487499515804E-2</v>
      </c>
      <c r="C1319" s="8">
        <v>5.5197626348638797</v>
      </c>
      <c r="D1319" s="8">
        <v>-1.67838366327282</v>
      </c>
      <c r="E1319" s="26">
        <v>0.10788784588863</v>
      </c>
      <c r="F1319" s="8">
        <v>0.13857535686603201</v>
      </c>
      <c r="G1319" s="8">
        <v>-7.2981876949520004</v>
      </c>
      <c r="H1319" s="8">
        <v>1476</v>
      </c>
      <c r="I1319" s="8" t="s">
        <v>4005</v>
      </c>
      <c r="J1319" s="11" t="s">
        <v>4006</v>
      </c>
      <c r="K1319" s="8">
        <v>21</v>
      </c>
      <c r="L1319" s="8">
        <v>43772512</v>
      </c>
      <c r="M1319" s="8">
        <v>43776445</v>
      </c>
      <c r="N1319" s="12">
        <v>-1</v>
      </c>
    </row>
    <row r="1320" spans="1:14" ht="171" x14ac:dyDescent="0.2">
      <c r="A1320" s="8" t="s">
        <v>4007</v>
      </c>
      <c r="B1320" s="8">
        <v>9.3396590184171097E-2</v>
      </c>
      <c r="C1320" s="8">
        <v>5.1295290515938996</v>
      </c>
      <c r="D1320" s="8">
        <v>1.6778098689929299</v>
      </c>
      <c r="E1320" s="26">
        <v>0.108001171606906</v>
      </c>
      <c r="F1320" s="8">
        <v>0.13869785704705001</v>
      </c>
      <c r="G1320" s="8">
        <v>-7.2325970860933602</v>
      </c>
      <c r="H1320" s="8">
        <v>51119</v>
      </c>
      <c r="I1320" s="8" t="s">
        <v>4008</v>
      </c>
      <c r="J1320" s="11" t="s">
        <v>4009</v>
      </c>
      <c r="K1320" s="8">
        <v>7</v>
      </c>
      <c r="L1320" s="8">
        <v>66987677</v>
      </c>
      <c r="M1320" s="8">
        <v>66995601</v>
      </c>
      <c r="N1320" s="12">
        <v>-1</v>
      </c>
    </row>
    <row r="1321" spans="1:14" ht="128.25" x14ac:dyDescent="0.2">
      <c r="A1321" s="8" t="s">
        <v>4010</v>
      </c>
      <c r="B1321" s="8">
        <v>8.7981106892399005E-2</v>
      </c>
      <c r="C1321" s="8">
        <v>5.7572004403867201</v>
      </c>
      <c r="D1321" s="8">
        <v>1.67660921233416</v>
      </c>
      <c r="E1321" s="26">
        <v>0.1082386307594</v>
      </c>
      <c r="F1321" s="8">
        <v>0.13897888169870301</v>
      </c>
      <c r="G1321" s="8">
        <v>-7.3401315277122903</v>
      </c>
      <c r="H1321" s="8">
        <v>399664</v>
      </c>
      <c r="I1321" s="8" t="s">
        <v>4011</v>
      </c>
      <c r="J1321" s="11" t="s">
        <v>4012</v>
      </c>
      <c r="K1321" s="8">
        <v>19</v>
      </c>
      <c r="L1321" s="8">
        <v>1554669</v>
      </c>
      <c r="M1321" s="8">
        <v>1568058</v>
      </c>
      <c r="N1321" s="12">
        <v>-1</v>
      </c>
    </row>
    <row r="1322" spans="1:14" ht="99.75" x14ac:dyDescent="0.2">
      <c r="A1322" s="8" t="s">
        <v>4013</v>
      </c>
      <c r="B1322" s="8">
        <v>-7.1634343133536199E-2</v>
      </c>
      <c r="C1322" s="8">
        <v>8.0119405945890598</v>
      </c>
      <c r="D1322" s="8">
        <v>-1.67116484914193</v>
      </c>
      <c r="E1322" s="26">
        <v>0.10932094770996099</v>
      </c>
      <c r="F1322" s="8">
        <v>0.140231419811541</v>
      </c>
      <c r="G1322" s="8">
        <v>-7.5272603471928701</v>
      </c>
      <c r="H1322" s="8">
        <v>1786</v>
      </c>
      <c r="I1322" s="8" t="s">
        <v>4014</v>
      </c>
      <c r="J1322" s="11" t="s">
        <v>4015</v>
      </c>
      <c r="K1322" s="8">
        <v>19</v>
      </c>
      <c r="L1322" s="8">
        <v>10133345</v>
      </c>
      <c r="M1322" s="8">
        <v>10231286</v>
      </c>
      <c r="N1322" s="12">
        <v>-1</v>
      </c>
    </row>
    <row r="1323" spans="1:14" ht="99.75" x14ac:dyDescent="0.2">
      <c r="A1323" s="8" t="s">
        <v>4016</v>
      </c>
      <c r="B1323" s="8">
        <v>5.9846021168026703E-2</v>
      </c>
      <c r="C1323" s="8">
        <v>6.4085001853201504</v>
      </c>
      <c r="D1323" s="8">
        <v>1.66486482993137</v>
      </c>
      <c r="E1323" s="26">
        <v>0.110584792871706</v>
      </c>
      <c r="F1323" s="8">
        <v>0.141689799090295</v>
      </c>
      <c r="G1323" s="8">
        <v>-7.4332593848422999</v>
      </c>
      <c r="H1323" s="8">
        <v>10449</v>
      </c>
      <c r="I1323" s="8" t="s">
        <v>4017</v>
      </c>
      <c r="J1323" s="11" t="s">
        <v>4018</v>
      </c>
      <c r="K1323" s="8">
        <v>18</v>
      </c>
      <c r="L1323" s="8">
        <v>49782167</v>
      </c>
      <c r="M1323" s="8">
        <v>49813960</v>
      </c>
      <c r="N1323" s="12">
        <v>-1</v>
      </c>
    </row>
    <row r="1324" spans="1:14" ht="128.25" x14ac:dyDescent="0.2">
      <c r="A1324" s="8" t="s">
        <v>4019</v>
      </c>
      <c r="B1324" s="8">
        <v>5.5716743872226401E-2</v>
      </c>
      <c r="C1324" s="8">
        <v>10.004157471094199</v>
      </c>
      <c r="D1324" s="8">
        <v>1.6613071073304699</v>
      </c>
      <c r="E1324" s="26">
        <v>0.11130395321724799</v>
      </c>
      <c r="F1324" s="8">
        <v>0.142515020592654</v>
      </c>
      <c r="G1324" s="8">
        <v>-7.63161430197313</v>
      </c>
      <c r="H1324" s="8">
        <v>5591</v>
      </c>
      <c r="I1324" s="8" t="s">
        <v>4020</v>
      </c>
      <c r="J1324" s="11" t="s">
        <v>4021</v>
      </c>
      <c r="K1324" s="8">
        <v>8</v>
      </c>
      <c r="L1324" s="8">
        <v>47773108</v>
      </c>
      <c r="M1324" s="8">
        <v>47960183</v>
      </c>
      <c r="N1324" s="12">
        <v>-1</v>
      </c>
    </row>
    <row r="1325" spans="1:14" ht="114" x14ac:dyDescent="0.2">
      <c r="A1325" s="8" t="s">
        <v>4022</v>
      </c>
      <c r="B1325" s="8">
        <v>0.109211233310423</v>
      </c>
      <c r="C1325" s="8">
        <v>3.7896583597057498</v>
      </c>
      <c r="D1325" s="8">
        <v>1.6585723846943401</v>
      </c>
      <c r="E1325" s="26">
        <v>0.11185943637498499</v>
      </c>
      <c r="F1325" s="8">
        <v>0.143100749904819</v>
      </c>
      <c r="G1325" s="8">
        <v>-6.9442255842971203</v>
      </c>
      <c r="H1325" s="8">
        <v>10557</v>
      </c>
      <c r="I1325" s="8" t="s">
        <v>4023</v>
      </c>
      <c r="J1325" s="11" t="s">
        <v>4024</v>
      </c>
      <c r="K1325" s="8">
        <v>10</v>
      </c>
      <c r="L1325" s="8">
        <v>15097180</v>
      </c>
      <c r="M1325" s="8">
        <v>15139818</v>
      </c>
      <c r="N1325" s="12">
        <v>1</v>
      </c>
    </row>
    <row r="1326" spans="1:14" ht="128.25" x14ac:dyDescent="0.2">
      <c r="A1326" s="8" t="s">
        <v>4025</v>
      </c>
      <c r="B1326" s="8">
        <v>0.11647056941635101</v>
      </c>
      <c r="C1326" s="8">
        <v>3.32017456258618</v>
      </c>
      <c r="D1326" s="8">
        <v>1.6573510857870799</v>
      </c>
      <c r="E1326" s="26">
        <v>0.11210826519065099</v>
      </c>
      <c r="F1326" s="8">
        <v>0.14338041168102</v>
      </c>
      <c r="G1326" s="8">
        <v>-6.8178784331745801</v>
      </c>
      <c r="H1326" s="8">
        <v>256643</v>
      </c>
      <c r="I1326" s="8" t="s">
        <v>4026</v>
      </c>
      <c r="J1326" s="11" t="s">
        <v>4027</v>
      </c>
      <c r="K1326" s="8" t="s">
        <v>108</v>
      </c>
      <c r="L1326" s="8">
        <v>19912860</v>
      </c>
      <c r="M1326" s="8">
        <v>19970298</v>
      </c>
      <c r="N1326" s="12">
        <v>-1</v>
      </c>
    </row>
    <row r="1327" spans="1:14" ht="142.5" x14ac:dyDescent="0.2">
      <c r="A1327" s="8" t="s">
        <v>4028</v>
      </c>
      <c r="B1327" s="8">
        <v>5.9176600938625902E-2</v>
      </c>
      <c r="C1327" s="8">
        <v>7.77180778887766</v>
      </c>
      <c r="D1327" s="8">
        <v>1.65691618988105</v>
      </c>
      <c r="E1327" s="26">
        <v>0.11219698421898799</v>
      </c>
      <c r="F1327" s="8">
        <v>0.14347453972531901</v>
      </c>
      <c r="G1327" s="8">
        <v>-7.5364835956518696</v>
      </c>
      <c r="H1327" s="8">
        <v>11171</v>
      </c>
      <c r="I1327" s="8" t="s">
        <v>4029</v>
      </c>
      <c r="J1327" s="11" t="s">
        <v>4030</v>
      </c>
      <c r="K1327" s="8">
        <v>12</v>
      </c>
      <c r="L1327" s="8">
        <v>15882391</v>
      </c>
      <c r="M1327" s="8">
        <v>15903478</v>
      </c>
      <c r="N1327" s="12">
        <v>1</v>
      </c>
    </row>
    <row r="1328" spans="1:14" ht="114" x14ac:dyDescent="0.2">
      <c r="A1328" s="8" t="s">
        <v>4031</v>
      </c>
      <c r="B1328" s="8">
        <v>6.2861203916968506E-2</v>
      </c>
      <c r="C1328" s="8">
        <v>7.6251123538021401</v>
      </c>
      <c r="D1328" s="8">
        <v>1.65437955580038</v>
      </c>
      <c r="E1328" s="26">
        <v>0.112715641819711</v>
      </c>
      <c r="F1328" s="8">
        <v>0.14406012492003301</v>
      </c>
      <c r="G1328" s="8">
        <v>-7.5320137285912896</v>
      </c>
      <c r="H1328" s="8">
        <v>10914</v>
      </c>
      <c r="I1328" s="8" t="s">
        <v>4032</v>
      </c>
      <c r="J1328" s="11" t="s">
        <v>4033</v>
      </c>
      <c r="K1328" s="8">
        <v>14</v>
      </c>
      <c r="L1328" s="8">
        <v>96501433</v>
      </c>
      <c r="M1328" s="8">
        <v>96567111</v>
      </c>
      <c r="N1328" s="12">
        <v>1</v>
      </c>
    </row>
    <row r="1329" spans="1:14" ht="171" x14ac:dyDescent="0.2">
      <c r="A1329" s="8" t="s">
        <v>4034</v>
      </c>
      <c r="B1329" s="8">
        <v>8.8942487615130794E-2</v>
      </c>
      <c r="C1329" s="8">
        <v>4.3748011086728198</v>
      </c>
      <c r="D1329" s="8">
        <v>1.65363996941406</v>
      </c>
      <c r="E1329" s="26">
        <v>0.112867243419616</v>
      </c>
      <c r="F1329" s="8">
        <v>0.14423445645616501</v>
      </c>
      <c r="G1329" s="8">
        <v>-7.1024303777420803</v>
      </c>
      <c r="H1329" s="8">
        <v>55192</v>
      </c>
      <c r="I1329" s="8" t="s">
        <v>4035</v>
      </c>
      <c r="J1329" s="11" t="s">
        <v>4036</v>
      </c>
      <c r="K1329" s="8">
        <v>15</v>
      </c>
      <c r="L1329" s="8">
        <v>40765155</v>
      </c>
      <c r="M1329" s="8">
        <v>40807478</v>
      </c>
      <c r="N1329" s="12">
        <v>-1</v>
      </c>
    </row>
    <row r="1330" spans="1:14" ht="114" x14ac:dyDescent="0.2">
      <c r="A1330" s="8" t="s">
        <v>4037</v>
      </c>
      <c r="B1330" s="8">
        <v>7.3216012810960698E-2</v>
      </c>
      <c r="C1330" s="8">
        <v>5.33668289680553</v>
      </c>
      <c r="D1330" s="8">
        <v>1.6446534525429299</v>
      </c>
      <c r="E1330" s="26">
        <v>0.114723106376871</v>
      </c>
      <c r="F1330" s="8">
        <v>0.146408903141485</v>
      </c>
      <c r="G1330" s="8">
        <v>-7.32176183923188</v>
      </c>
      <c r="H1330" s="8">
        <v>124995</v>
      </c>
      <c r="I1330" s="8" t="s">
        <v>4038</v>
      </c>
      <c r="J1330" s="11" t="s">
        <v>4039</v>
      </c>
      <c r="K1330" s="8">
        <v>17</v>
      </c>
      <c r="L1330" s="8">
        <v>47823272</v>
      </c>
      <c r="M1330" s="8">
        <v>47831534</v>
      </c>
      <c r="N1330" s="12">
        <v>-1</v>
      </c>
    </row>
    <row r="1331" spans="1:14" ht="99.75" x14ac:dyDescent="0.2">
      <c r="A1331" s="8" t="s">
        <v>4040</v>
      </c>
      <c r="B1331" s="8">
        <v>-6.3984719010085706E-2</v>
      </c>
      <c r="C1331" s="8">
        <v>6.1574442164918501</v>
      </c>
      <c r="D1331" s="8">
        <v>-1.6361975725007301</v>
      </c>
      <c r="E1331" s="26">
        <v>0.11649280833315399</v>
      </c>
      <c r="F1331" s="8">
        <v>0.14848273171715801</v>
      </c>
      <c r="G1331" s="8">
        <v>-7.4504475962498704</v>
      </c>
      <c r="H1331" s="8">
        <v>131870</v>
      </c>
      <c r="I1331" s="8" t="s">
        <v>4041</v>
      </c>
      <c r="J1331" s="11" t="s">
        <v>4042</v>
      </c>
      <c r="K1331" s="8">
        <v>3</v>
      </c>
      <c r="L1331" s="8">
        <v>131381671</v>
      </c>
      <c r="M1331" s="8">
        <v>131388830</v>
      </c>
      <c r="N1331" s="12">
        <v>1</v>
      </c>
    </row>
    <row r="1332" spans="1:14" ht="156.75" x14ac:dyDescent="0.2">
      <c r="A1332" s="8" t="s">
        <v>4043</v>
      </c>
      <c r="B1332" s="8">
        <v>-7.2260881112215194E-2</v>
      </c>
      <c r="C1332" s="8">
        <v>5.3922135986700397</v>
      </c>
      <c r="D1332" s="8">
        <v>-1.6337559126268599</v>
      </c>
      <c r="E1332" s="26">
        <v>0.117008070349311</v>
      </c>
      <c r="F1332" s="8">
        <v>0.14909434976290001</v>
      </c>
      <c r="G1332" s="8">
        <v>-7.3454164646944902</v>
      </c>
      <c r="H1332" s="8">
        <v>54931</v>
      </c>
      <c r="I1332" s="8" t="s">
        <v>4044</v>
      </c>
      <c r="J1332" s="11" t="s">
        <v>4045</v>
      </c>
      <c r="K1332" s="8">
        <v>3</v>
      </c>
      <c r="L1332" s="8">
        <v>101561862</v>
      </c>
      <c r="M1332" s="8">
        <v>101566446</v>
      </c>
      <c r="N1332" s="12">
        <v>1</v>
      </c>
    </row>
    <row r="1333" spans="1:14" ht="199.5" x14ac:dyDescent="0.2">
      <c r="A1333" s="8" t="s">
        <v>4046</v>
      </c>
      <c r="B1333" s="8">
        <v>6.6704526842329401E-2</v>
      </c>
      <c r="C1333" s="8">
        <v>8.9557293090738206</v>
      </c>
      <c r="D1333" s="8">
        <v>1.62553972310545</v>
      </c>
      <c r="E1333" s="26">
        <v>0.118756026127424</v>
      </c>
      <c r="F1333" s="8">
        <v>0.15114552680987001</v>
      </c>
      <c r="G1333" s="8">
        <v>-7.6453059082850201</v>
      </c>
      <c r="H1333" s="8">
        <v>7532</v>
      </c>
      <c r="I1333" s="8" t="s">
        <v>4047</v>
      </c>
      <c r="J1333" s="11" t="s">
        <v>4048</v>
      </c>
      <c r="K1333" s="8">
        <v>7</v>
      </c>
      <c r="L1333" s="8">
        <v>76326794</v>
      </c>
      <c r="M1333" s="8">
        <v>76359031</v>
      </c>
      <c r="N1333" s="12">
        <v>-1</v>
      </c>
    </row>
    <row r="1334" spans="1:14" ht="114" x14ac:dyDescent="0.2">
      <c r="A1334" s="8" t="s">
        <v>4049</v>
      </c>
      <c r="B1334" s="8">
        <v>-6.6213831594721398E-2</v>
      </c>
      <c r="C1334" s="8">
        <v>5.6301508551826496</v>
      </c>
      <c r="D1334" s="8">
        <v>-1.6226643750603</v>
      </c>
      <c r="E1334" s="26">
        <v>0.119372901671099</v>
      </c>
      <c r="F1334" s="8">
        <v>0.15186294529814601</v>
      </c>
      <c r="G1334" s="8">
        <v>-7.4014543972326896</v>
      </c>
      <c r="H1334" s="8">
        <v>84148</v>
      </c>
      <c r="I1334" s="8" t="s">
        <v>4050</v>
      </c>
      <c r="J1334" s="11" t="s">
        <v>4051</v>
      </c>
      <c r="K1334" s="8">
        <v>16</v>
      </c>
      <c r="L1334" s="8">
        <v>31115754</v>
      </c>
      <c r="M1334" s="8">
        <v>31131393</v>
      </c>
      <c r="N1334" s="12">
        <v>1</v>
      </c>
    </row>
    <row r="1335" spans="1:14" ht="128.25" x14ac:dyDescent="0.2">
      <c r="A1335" s="8" t="s">
        <v>4052</v>
      </c>
      <c r="B1335" s="8">
        <v>-8.7865887616924696E-2</v>
      </c>
      <c r="C1335" s="8">
        <v>4.4147744287839501</v>
      </c>
      <c r="D1335" s="8">
        <v>-1.59657426334578</v>
      </c>
      <c r="E1335" s="26">
        <v>0.12509406998903799</v>
      </c>
      <c r="F1335" s="8">
        <v>0.15852488588861299</v>
      </c>
      <c r="G1335" s="8">
        <v>-7.1940514878973998</v>
      </c>
      <c r="H1335" s="8">
        <v>151903</v>
      </c>
      <c r="I1335" s="8" t="s">
        <v>4053</v>
      </c>
      <c r="J1335" s="11" t="s">
        <v>4054</v>
      </c>
      <c r="K1335" s="8">
        <v>3</v>
      </c>
      <c r="L1335" s="8">
        <v>46921726</v>
      </c>
      <c r="M1335" s="8">
        <v>46982010</v>
      </c>
      <c r="N1335" s="12">
        <v>-1</v>
      </c>
    </row>
    <row r="1336" spans="1:14" ht="128.25" x14ac:dyDescent="0.2">
      <c r="A1336" s="8" t="s">
        <v>4055</v>
      </c>
      <c r="B1336" s="8">
        <v>-0.12426215537813</v>
      </c>
      <c r="C1336" s="8">
        <v>4.2925096941516401</v>
      </c>
      <c r="D1336" s="8">
        <v>-1.5959373550340401</v>
      </c>
      <c r="E1336" s="26">
        <v>0.12523655136495301</v>
      </c>
      <c r="F1336" s="8">
        <v>0.158663063973076</v>
      </c>
      <c r="G1336" s="8">
        <v>-7.1634913017966797</v>
      </c>
      <c r="H1336" s="8">
        <v>58506</v>
      </c>
      <c r="I1336" s="8" t="s">
        <v>4056</v>
      </c>
      <c r="J1336" s="11" t="s">
        <v>4057</v>
      </c>
      <c r="K1336" s="8">
        <v>19</v>
      </c>
      <c r="L1336" s="8">
        <v>49642125</v>
      </c>
      <c r="M1336" s="8">
        <v>49658642</v>
      </c>
      <c r="N1336" s="12">
        <v>1</v>
      </c>
    </row>
    <row r="1337" spans="1:14" ht="114" x14ac:dyDescent="0.2">
      <c r="A1337" s="8" t="s">
        <v>4058</v>
      </c>
      <c r="B1337" s="8">
        <v>6.8980928207217601E-2</v>
      </c>
      <c r="C1337" s="8">
        <v>8.4032301801348606</v>
      </c>
      <c r="D1337" s="8">
        <v>1.59439715075518</v>
      </c>
      <c r="E1337" s="26">
        <v>0.125581667303162</v>
      </c>
      <c r="F1337" s="8">
        <v>0.15903658995075801</v>
      </c>
      <c r="G1337" s="8">
        <v>-7.6656028052597804</v>
      </c>
      <c r="H1337" s="8">
        <v>23405</v>
      </c>
      <c r="I1337" s="8" t="s">
        <v>4059</v>
      </c>
      <c r="J1337" s="11" t="s">
        <v>4060</v>
      </c>
      <c r="K1337" s="8">
        <v>14</v>
      </c>
      <c r="L1337" s="8">
        <v>95086228</v>
      </c>
      <c r="M1337" s="8">
        <v>95158010</v>
      </c>
      <c r="N1337" s="12">
        <v>-1</v>
      </c>
    </row>
    <row r="1338" spans="1:14" ht="99.75" x14ac:dyDescent="0.2">
      <c r="A1338" s="8" t="s">
        <v>4061</v>
      </c>
      <c r="B1338" s="8">
        <v>6.6094556218757802E-2</v>
      </c>
      <c r="C1338" s="8">
        <v>6.4000511133942499</v>
      </c>
      <c r="D1338" s="8">
        <v>1.5919889038808499</v>
      </c>
      <c r="E1338" s="26">
        <v>0.12612287784378301</v>
      </c>
      <c r="F1338" s="8">
        <v>0.15970066409831599</v>
      </c>
      <c r="G1338" s="8">
        <v>-7.5430030716623202</v>
      </c>
      <c r="H1338" s="8">
        <v>79707</v>
      </c>
      <c r="I1338" s="8" t="s">
        <v>4062</v>
      </c>
      <c r="J1338" s="11" t="s">
        <v>4063</v>
      </c>
      <c r="K1338" s="8">
        <v>1</v>
      </c>
      <c r="L1338" s="8">
        <v>6521347</v>
      </c>
      <c r="M1338" s="8">
        <v>6554535</v>
      </c>
      <c r="N1338" s="12">
        <v>-1</v>
      </c>
    </row>
    <row r="1339" spans="1:14" ht="114" x14ac:dyDescent="0.2">
      <c r="A1339" s="8" t="s">
        <v>4064</v>
      </c>
      <c r="B1339" s="8">
        <v>-0.10125267673442299</v>
      </c>
      <c r="C1339" s="8">
        <v>4.31853412491198</v>
      </c>
      <c r="D1339" s="8">
        <v>-1.58958736917553</v>
      </c>
      <c r="E1339" s="26">
        <v>0.126664516646144</v>
      </c>
      <c r="F1339" s="8">
        <v>0.16032231924190499</v>
      </c>
      <c r="G1339" s="8">
        <v>-7.1803558451517002</v>
      </c>
      <c r="H1339" s="8">
        <v>84524</v>
      </c>
      <c r="I1339" s="8" t="s">
        <v>4065</v>
      </c>
      <c r="J1339" s="11" t="s">
        <v>4066</v>
      </c>
      <c r="K1339" s="8">
        <v>2</v>
      </c>
      <c r="L1339" s="8">
        <v>112211525</v>
      </c>
      <c r="M1339" s="8">
        <v>112255136</v>
      </c>
      <c r="N1339" s="12">
        <v>-1</v>
      </c>
    </row>
    <row r="1340" spans="1:14" ht="114" x14ac:dyDescent="0.2">
      <c r="A1340" s="8" t="s">
        <v>4067</v>
      </c>
      <c r="B1340" s="8">
        <v>-6.4726335190637294E-2</v>
      </c>
      <c r="C1340" s="8">
        <v>6.1913053641323703</v>
      </c>
      <c r="D1340" s="8">
        <v>-1.5832738773234001</v>
      </c>
      <c r="E1340" s="26">
        <v>0.12809771228425301</v>
      </c>
      <c r="F1340" s="8">
        <v>0.16198697505806101</v>
      </c>
      <c r="G1340" s="8">
        <v>-7.5335897595379802</v>
      </c>
      <c r="H1340" s="8">
        <v>7165</v>
      </c>
      <c r="I1340" s="8" t="s">
        <v>4068</v>
      </c>
      <c r="J1340" s="11" t="s">
        <v>4069</v>
      </c>
      <c r="K1340" s="8">
        <v>20</v>
      </c>
      <c r="L1340" s="8">
        <v>63865228</v>
      </c>
      <c r="M1340" s="8">
        <v>63891545</v>
      </c>
      <c r="N1340" s="12">
        <v>1</v>
      </c>
    </row>
    <row r="1341" spans="1:14" ht="128.25" x14ac:dyDescent="0.2">
      <c r="A1341" s="8" t="s">
        <v>4070</v>
      </c>
      <c r="B1341" s="8">
        <v>-0.52029808821457502</v>
      </c>
      <c r="C1341" s="8">
        <v>1.42266586948226</v>
      </c>
      <c r="D1341" s="8">
        <v>-1.5801388592340599</v>
      </c>
      <c r="E1341" s="26">
        <v>0.12881438209539001</v>
      </c>
      <c r="F1341" s="8">
        <v>0.16278959092989301</v>
      </c>
      <c r="G1341" s="8">
        <v>-6.3659523032796104</v>
      </c>
      <c r="H1341" s="8">
        <v>284119</v>
      </c>
      <c r="I1341" s="8" t="s">
        <v>4071</v>
      </c>
      <c r="J1341" s="11" t="s">
        <v>4072</v>
      </c>
      <c r="K1341" s="8">
        <v>17</v>
      </c>
      <c r="L1341" s="8">
        <v>42402452</v>
      </c>
      <c r="M1341" s="8">
        <v>42423517</v>
      </c>
      <c r="N1341" s="12">
        <v>-1</v>
      </c>
    </row>
    <row r="1342" spans="1:14" ht="142.5" x14ac:dyDescent="0.2">
      <c r="A1342" s="8" t="s">
        <v>4073</v>
      </c>
      <c r="B1342" s="8">
        <v>8.3960991186622799E-2</v>
      </c>
      <c r="C1342" s="8">
        <v>4.6530950392861596</v>
      </c>
      <c r="D1342" s="8">
        <v>1.5777916105243801</v>
      </c>
      <c r="E1342" s="26">
        <v>0.129353149083449</v>
      </c>
      <c r="F1342" s="8">
        <v>0.16337668620010701</v>
      </c>
      <c r="G1342" s="8">
        <v>-7.2829565990004799</v>
      </c>
      <c r="H1342" s="8">
        <v>4116</v>
      </c>
      <c r="I1342" s="8" t="s">
        <v>4074</v>
      </c>
      <c r="J1342" s="11" t="s">
        <v>4075</v>
      </c>
      <c r="K1342" s="8">
        <v>1</v>
      </c>
      <c r="L1342" s="8">
        <v>53226892</v>
      </c>
      <c r="M1342" s="8">
        <v>53238610</v>
      </c>
      <c r="N1342" s="12">
        <v>-1</v>
      </c>
    </row>
    <row r="1343" spans="1:14" ht="128.25" x14ac:dyDescent="0.2">
      <c r="A1343" s="8" t="s">
        <v>4076</v>
      </c>
      <c r="B1343" s="8">
        <v>8.7500189844426798E-2</v>
      </c>
      <c r="C1343" s="8">
        <v>4.44401283551852</v>
      </c>
      <c r="D1343" s="8">
        <v>1.5539540387519499</v>
      </c>
      <c r="E1343" s="26">
        <v>0.134931490763707</v>
      </c>
      <c r="F1343" s="8">
        <v>0.169890850598651</v>
      </c>
      <c r="G1343" s="8">
        <v>-7.2685927963788401</v>
      </c>
      <c r="H1343" s="8">
        <v>79760</v>
      </c>
      <c r="I1343" s="8" t="s">
        <v>4077</v>
      </c>
      <c r="J1343" s="11" t="s">
        <v>4078</v>
      </c>
      <c r="K1343" s="8">
        <v>19</v>
      </c>
      <c r="L1343" s="8">
        <v>45079195</v>
      </c>
      <c r="M1343" s="8">
        <v>45091524</v>
      </c>
      <c r="N1343" s="12">
        <v>1</v>
      </c>
    </row>
    <row r="1344" spans="1:14" ht="171" x14ac:dyDescent="0.2">
      <c r="A1344" s="8" t="s">
        <v>4079</v>
      </c>
      <c r="B1344" s="8">
        <v>9.1220635575852194E-2</v>
      </c>
      <c r="C1344" s="8">
        <v>4.4388506132420096</v>
      </c>
      <c r="D1344" s="8">
        <v>1.5415697453672501</v>
      </c>
      <c r="E1344" s="26">
        <v>0.13790735895581899</v>
      </c>
      <c r="F1344" s="8">
        <v>0.173373166671386</v>
      </c>
      <c r="G1344" s="8">
        <v>-7.28544446176336</v>
      </c>
      <c r="H1344" s="8">
        <v>11157</v>
      </c>
      <c r="I1344" s="8" t="s">
        <v>4080</v>
      </c>
      <c r="J1344" s="11" t="s">
        <v>4081</v>
      </c>
      <c r="K1344" s="8">
        <v>4</v>
      </c>
      <c r="L1344" s="8">
        <v>146175685</v>
      </c>
      <c r="M1344" s="8">
        <v>146200000</v>
      </c>
      <c r="N1344" s="12">
        <v>1</v>
      </c>
    </row>
    <row r="1345" spans="1:14" ht="128.25" x14ac:dyDescent="0.2">
      <c r="A1345" s="8" t="s">
        <v>4082</v>
      </c>
      <c r="B1345" s="8">
        <v>-0.10484046631025599</v>
      </c>
      <c r="C1345" s="8">
        <v>5.3445455911572601</v>
      </c>
      <c r="D1345" s="8">
        <v>-1.5389286588861499</v>
      </c>
      <c r="E1345" s="26">
        <v>0.138548959440987</v>
      </c>
      <c r="F1345" s="8">
        <v>0.17411056243372</v>
      </c>
      <c r="G1345" s="8">
        <v>-7.4769912331231403</v>
      </c>
      <c r="H1345" s="8">
        <v>23223</v>
      </c>
      <c r="I1345" s="8" t="s">
        <v>4083</v>
      </c>
      <c r="J1345" s="11" t="s">
        <v>4084</v>
      </c>
      <c r="K1345" s="8">
        <v>10</v>
      </c>
      <c r="L1345" s="8">
        <v>97356358</v>
      </c>
      <c r="M1345" s="8">
        <v>97426076</v>
      </c>
      <c r="N1345" s="12">
        <v>-1</v>
      </c>
    </row>
    <row r="1346" spans="1:14" ht="128.25" x14ac:dyDescent="0.2">
      <c r="A1346" s="8" t="s">
        <v>4085</v>
      </c>
      <c r="B1346" s="8">
        <v>-6.4827621701401703E-2</v>
      </c>
      <c r="C1346" s="8">
        <v>6.3411446391696602</v>
      </c>
      <c r="D1346" s="8">
        <v>-1.53290585149229</v>
      </c>
      <c r="E1346" s="26">
        <v>0.14002130038653601</v>
      </c>
      <c r="F1346" s="8">
        <v>0.17580946258007701</v>
      </c>
      <c r="G1346" s="8">
        <v>-7.62268905385642</v>
      </c>
      <c r="H1346" s="8">
        <v>8666</v>
      </c>
      <c r="I1346" s="8" t="s">
        <v>4086</v>
      </c>
      <c r="J1346" s="11" t="s">
        <v>4087</v>
      </c>
      <c r="K1346" s="8">
        <v>19</v>
      </c>
      <c r="L1346" s="8">
        <v>10115017</v>
      </c>
      <c r="M1346" s="8">
        <v>10119918</v>
      </c>
      <c r="N1346" s="12">
        <v>-1</v>
      </c>
    </row>
    <row r="1347" spans="1:14" ht="85.5" x14ac:dyDescent="0.2">
      <c r="A1347" s="8" t="s">
        <v>4088</v>
      </c>
      <c r="B1347" s="8">
        <v>-5.1618391647416197E-2</v>
      </c>
      <c r="C1347" s="8">
        <v>7.2198593557796604</v>
      </c>
      <c r="D1347" s="8">
        <v>-1.52867428226406</v>
      </c>
      <c r="E1347" s="26">
        <v>0.14106344900734599</v>
      </c>
      <c r="F1347" s="8">
        <v>0.17702427402542001</v>
      </c>
      <c r="G1347" s="8">
        <v>-7.6944272410022601</v>
      </c>
      <c r="H1347" s="8">
        <v>23534</v>
      </c>
      <c r="I1347" s="8" t="s">
        <v>4089</v>
      </c>
      <c r="J1347" s="11" t="s">
        <v>4090</v>
      </c>
      <c r="K1347" s="8">
        <v>7</v>
      </c>
      <c r="L1347" s="8">
        <v>128954180</v>
      </c>
      <c r="M1347" s="8">
        <v>129055173</v>
      </c>
      <c r="N1347" s="12">
        <v>-1</v>
      </c>
    </row>
    <row r="1348" spans="1:14" ht="128.25" x14ac:dyDescent="0.2">
      <c r="A1348" s="8" t="s">
        <v>4091</v>
      </c>
      <c r="B1348" s="8">
        <v>6.7136095077137803E-2</v>
      </c>
      <c r="C1348" s="8">
        <v>6.8817640749208904</v>
      </c>
      <c r="D1348" s="8">
        <v>1.5215536193272701</v>
      </c>
      <c r="E1348" s="26">
        <v>0.14283153443018501</v>
      </c>
      <c r="F1348" s="8">
        <v>0.179006341888894</v>
      </c>
      <c r="G1348" s="8">
        <v>-7.6837001444488804</v>
      </c>
      <c r="H1348" s="8">
        <v>11315</v>
      </c>
      <c r="I1348" s="8" t="s">
        <v>4092</v>
      </c>
      <c r="J1348" s="11" t="s">
        <v>4093</v>
      </c>
      <c r="K1348" s="8">
        <v>1</v>
      </c>
      <c r="L1348" s="8">
        <v>7954291</v>
      </c>
      <c r="M1348" s="8">
        <v>7985505</v>
      </c>
      <c r="N1348" s="12">
        <v>1</v>
      </c>
    </row>
    <row r="1349" spans="1:14" ht="114" x14ac:dyDescent="0.2">
      <c r="A1349" s="8" t="s">
        <v>4094</v>
      </c>
      <c r="B1349" s="8">
        <v>6.4535718876190806E-2</v>
      </c>
      <c r="C1349" s="8">
        <v>7.9370433916351004</v>
      </c>
      <c r="D1349" s="8">
        <v>1.51407999337134</v>
      </c>
      <c r="E1349" s="26">
        <v>0.14470682018311201</v>
      </c>
      <c r="F1349" s="8">
        <v>0.181189055596128</v>
      </c>
      <c r="G1349" s="8">
        <v>-7.7577723903236899</v>
      </c>
      <c r="H1349" s="8">
        <v>4670</v>
      </c>
      <c r="I1349" s="8" t="s">
        <v>4095</v>
      </c>
      <c r="J1349" s="11" t="s">
        <v>4096</v>
      </c>
      <c r="K1349" s="8">
        <v>19</v>
      </c>
      <c r="L1349" s="8">
        <v>8444767</v>
      </c>
      <c r="M1349" s="8">
        <v>8489114</v>
      </c>
      <c r="N1349" s="12">
        <v>1</v>
      </c>
    </row>
    <row r="1350" spans="1:14" ht="114" x14ac:dyDescent="0.2">
      <c r="A1350" s="8" t="s">
        <v>4097</v>
      </c>
      <c r="B1350" s="8">
        <v>0.10149091626445</v>
      </c>
      <c r="C1350" s="8">
        <v>4.9760724979099598</v>
      </c>
      <c r="D1350" s="8">
        <v>1.50782757578216</v>
      </c>
      <c r="E1350" s="26">
        <v>0.14629116578262899</v>
      </c>
      <c r="F1350" s="8">
        <v>0.18303998503705099</v>
      </c>
      <c r="G1350" s="8">
        <v>-7.4551004938531698</v>
      </c>
      <c r="H1350" s="8">
        <v>64949</v>
      </c>
      <c r="I1350" s="8" t="s">
        <v>4098</v>
      </c>
      <c r="J1350" s="11" t="s">
        <v>4099</v>
      </c>
      <c r="K1350" s="8">
        <v>20</v>
      </c>
      <c r="L1350" s="8">
        <v>3045945</v>
      </c>
      <c r="M1350" s="8">
        <v>3048254</v>
      </c>
      <c r="N1350" s="12">
        <v>1</v>
      </c>
    </row>
    <row r="1351" spans="1:14" ht="114" x14ac:dyDescent="0.2">
      <c r="A1351" s="8" t="s">
        <v>4100</v>
      </c>
      <c r="B1351" s="8">
        <v>9.4233382608410701E-2</v>
      </c>
      <c r="C1351" s="8">
        <v>5.1983033357666102</v>
      </c>
      <c r="D1351" s="8">
        <v>1.49541521805806</v>
      </c>
      <c r="E1351" s="26">
        <v>0.149478554836599</v>
      </c>
      <c r="F1351" s="8">
        <v>0.18664656764930601</v>
      </c>
      <c r="G1351" s="8">
        <v>-7.5164519211459</v>
      </c>
      <c r="H1351" s="8">
        <v>8568</v>
      </c>
      <c r="I1351" s="8" t="s">
        <v>4101</v>
      </c>
      <c r="J1351" s="11" t="s">
        <v>4102</v>
      </c>
      <c r="K1351" s="8">
        <v>21</v>
      </c>
      <c r="L1351" s="8">
        <v>43789513</v>
      </c>
      <c r="M1351" s="8">
        <v>43805293</v>
      </c>
      <c r="N1351" s="12">
        <v>1</v>
      </c>
    </row>
    <row r="1352" spans="1:14" ht="114" x14ac:dyDescent="0.2">
      <c r="A1352" s="8" t="s">
        <v>4103</v>
      </c>
      <c r="B1352" s="8">
        <v>7.3703618586422201E-2</v>
      </c>
      <c r="C1352" s="8">
        <v>5.3211545947636996</v>
      </c>
      <c r="D1352" s="8">
        <v>1.4946547252626201</v>
      </c>
      <c r="E1352" s="26">
        <v>0.149675675266187</v>
      </c>
      <c r="F1352" s="8">
        <v>0.18686811115305499</v>
      </c>
      <c r="G1352" s="8">
        <v>-7.5398424930650103</v>
      </c>
      <c r="H1352" s="8">
        <v>155435</v>
      </c>
      <c r="I1352" s="8" t="s">
        <v>4104</v>
      </c>
      <c r="J1352" s="11" t="s">
        <v>4105</v>
      </c>
      <c r="K1352" s="8">
        <v>7</v>
      </c>
      <c r="L1352" s="8">
        <v>155644451</v>
      </c>
      <c r="M1352" s="8">
        <v>155781485</v>
      </c>
      <c r="N1352" s="12">
        <v>1</v>
      </c>
    </row>
    <row r="1353" spans="1:14" ht="128.25" x14ac:dyDescent="0.2">
      <c r="A1353" s="8" t="s">
        <v>4106</v>
      </c>
      <c r="B1353" s="8">
        <v>0.118974813758671</v>
      </c>
      <c r="C1353" s="8">
        <v>4.1045002259037302</v>
      </c>
      <c r="D1353" s="8">
        <v>1.49367213323032</v>
      </c>
      <c r="E1353" s="26">
        <v>0.14993067858370701</v>
      </c>
      <c r="F1353" s="8">
        <v>0.187124925187964</v>
      </c>
      <c r="G1353" s="8">
        <v>-7.2710045982280498</v>
      </c>
      <c r="H1353" s="8">
        <v>79050</v>
      </c>
      <c r="I1353" s="8" t="s">
        <v>4107</v>
      </c>
      <c r="J1353" s="11" t="s">
        <v>4108</v>
      </c>
      <c r="K1353" s="8">
        <v>12</v>
      </c>
      <c r="L1353" s="8">
        <v>132144448</v>
      </c>
      <c r="M1353" s="8">
        <v>132152473</v>
      </c>
      <c r="N1353" s="12">
        <v>1</v>
      </c>
    </row>
    <row r="1354" spans="1:14" ht="128.25" x14ac:dyDescent="0.2">
      <c r="A1354" s="8" t="s">
        <v>4109</v>
      </c>
      <c r="B1354" s="8">
        <v>-6.0885772661839303E-2</v>
      </c>
      <c r="C1354" s="8">
        <v>6.3389383609789398</v>
      </c>
      <c r="D1354" s="8">
        <v>-1.4920978913771801</v>
      </c>
      <c r="E1354" s="26">
        <v>0.15033996744476899</v>
      </c>
      <c r="F1354" s="8">
        <v>0.187586400302412</v>
      </c>
      <c r="G1354" s="8">
        <v>-7.6808726490876902</v>
      </c>
      <c r="H1354" s="8">
        <v>88745</v>
      </c>
      <c r="I1354" s="8" t="s">
        <v>4110</v>
      </c>
      <c r="J1354" s="11" t="s">
        <v>4111</v>
      </c>
      <c r="K1354" s="8">
        <v>6</v>
      </c>
      <c r="L1354" s="8">
        <v>43021645</v>
      </c>
      <c r="M1354" s="8">
        <v>43034156</v>
      </c>
      <c r="N1354" s="12">
        <v>1</v>
      </c>
    </row>
    <row r="1355" spans="1:14" ht="128.25" x14ac:dyDescent="0.2">
      <c r="A1355" s="8" t="s">
        <v>4112</v>
      </c>
      <c r="B1355" s="8">
        <v>5.9951644979485699E-2</v>
      </c>
      <c r="C1355" s="8">
        <v>5.8108298274978498</v>
      </c>
      <c r="D1355" s="8">
        <v>1.4726447992467999</v>
      </c>
      <c r="E1355" s="26">
        <v>0.15547327622065399</v>
      </c>
      <c r="F1355" s="8">
        <v>0.19331780650238201</v>
      </c>
      <c r="G1355" s="8">
        <v>-7.6483906543488702</v>
      </c>
      <c r="H1355" s="8">
        <v>10250</v>
      </c>
      <c r="I1355" s="8" t="s">
        <v>4113</v>
      </c>
      <c r="J1355" s="11" t="s">
        <v>4114</v>
      </c>
      <c r="K1355" s="8">
        <v>1</v>
      </c>
      <c r="L1355" s="8">
        <v>24631716</v>
      </c>
      <c r="M1355" s="8">
        <v>24673267</v>
      </c>
      <c r="N1355" s="12">
        <v>1</v>
      </c>
    </row>
    <row r="1356" spans="1:14" ht="85.5" x14ac:dyDescent="0.2">
      <c r="A1356" s="8" t="s">
        <v>4115</v>
      </c>
      <c r="B1356" s="8">
        <v>5.7573516598500497E-2</v>
      </c>
      <c r="C1356" s="8">
        <v>6.4851687277325896</v>
      </c>
      <c r="D1356" s="8">
        <v>1.4523887347837601</v>
      </c>
      <c r="E1356" s="26">
        <v>0.160969046128492</v>
      </c>
      <c r="F1356" s="8">
        <v>0.19966727161124201</v>
      </c>
      <c r="G1356" s="8">
        <v>-7.7511414712112598</v>
      </c>
      <c r="H1356" s="8">
        <v>26953</v>
      </c>
      <c r="I1356" s="8" t="s">
        <v>4116</v>
      </c>
      <c r="J1356" s="11" t="s">
        <v>4117</v>
      </c>
      <c r="K1356" s="8">
        <v>9</v>
      </c>
      <c r="L1356" s="8">
        <v>6011043</v>
      </c>
      <c r="M1356" s="8">
        <v>6015625</v>
      </c>
      <c r="N1356" s="12">
        <v>-1</v>
      </c>
    </row>
    <row r="1357" spans="1:14" ht="114" x14ac:dyDescent="0.2">
      <c r="A1357" s="8" t="s">
        <v>4118</v>
      </c>
      <c r="B1357" s="8">
        <v>5.9466461221320301E-2</v>
      </c>
      <c r="C1357" s="8">
        <v>6.3770716650260297</v>
      </c>
      <c r="D1357" s="8">
        <v>1.4509131829874</v>
      </c>
      <c r="E1357" s="26">
        <v>0.161375457215687</v>
      </c>
      <c r="F1357" s="8">
        <v>0.20010886015603099</v>
      </c>
      <c r="G1357" s="8">
        <v>-7.7434205322245502</v>
      </c>
      <c r="H1357" s="8">
        <v>3184</v>
      </c>
      <c r="I1357" s="8" t="s">
        <v>4119</v>
      </c>
      <c r="J1357" s="11" t="s">
        <v>4120</v>
      </c>
      <c r="K1357" s="8">
        <v>4</v>
      </c>
      <c r="L1357" s="8">
        <v>82352498</v>
      </c>
      <c r="M1357" s="8">
        <v>82374503</v>
      </c>
      <c r="N1357" s="12">
        <v>-1</v>
      </c>
    </row>
    <row r="1358" spans="1:14" ht="142.5" x14ac:dyDescent="0.2">
      <c r="A1358" s="8" t="s">
        <v>4121</v>
      </c>
      <c r="B1358" s="8">
        <v>6.5312319545077102E-2</v>
      </c>
      <c r="C1358" s="8">
        <v>5.29660701614816</v>
      </c>
      <c r="D1358" s="8">
        <v>1.45040288065255</v>
      </c>
      <c r="E1358" s="26">
        <v>0.16151620280852699</v>
      </c>
      <c r="F1358" s="8">
        <v>0.20026742768359501</v>
      </c>
      <c r="G1358" s="8">
        <v>-7.5972263182755402</v>
      </c>
      <c r="H1358" s="8">
        <v>8891</v>
      </c>
      <c r="I1358" s="8" t="s">
        <v>4122</v>
      </c>
      <c r="J1358" s="11" t="s">
        <v>4123</v>
      </c>
      <c r="K1358" s="8">
        <v>1</v>
      </c>
      <c r="L1358" s="8">
        <v>44850522</v>
      </c>
      <c r="M1358" s="8">
        <v>44986722</v>
      </c>
      <c r="N1358" s="12">
        <v>-1</v>
      </c>
    </row>
    <row r="1359" spans="1:14" ht="99.75" x14ac:dyDescent="0.2">
      <c r="A1359" s="8" t="s">
        <v>4124</v>
      </c>
      <c r="B1359" s="8">
        <v>6.3747770883167298E-2</v>
      </c>
      <c r="C1359" s="8">
        <v>5.9589228511770704</v>
      </c>
      <c r="D1359" s="8">
        <v>1.44932885431674</v>
      </c>
      <c r="E1359" s="26">
        <v>0.161812752591911</v>
      </c>
      <c r="F1359" s="8">
        <v>0.20055650224914801</v>
      </c>
      <c r="G1359" s="8">
        <v>-7.7001574589742496</v>
      </c>
      <c r="H1359" s="8">
        <v>8896</v>
      </c>
      <c r="I1359" s="8" t="s">
        <v>4125</v>
      </c>
      <c r="J1359" s="11" t="s">
        <v>4126</v>
      </c>
      <c r="K1359" s="8">
        <v>7</v>
      </c>
      <c r="L1359" s="8">
        <v>99408641</v>
      </c>
      <c r="M1359" s="8">
        <v>99419616</v>
      </c>
      <c r="N1359" s="12">
        <v>1</v>
      </c>
    </row>
    <row r="1360" spans="1:14" ht="85.5" x14ac:dyDescent="0.2">
      <c r="A1360" s="8" t="s">
        <v>4127</v>
      </c>
      <c r="B1360" s="8">
        <v>7.4174690497179604E-2</v>
      </c>
      <c r="C1360" s="8">
        <v>6.1969694030493301</v>
      </c>
      <c r="D1360" s="8">
        <v>1.44069401674861</v>
      </c>
      <c r="E1360" s="26">
        <v>0.16421295042151701</v>
      </c>
      <c r="F1360" s="8">
        <v>0.20317310993279</v>
      </c>
      <c r="G1360" s="8">
        <v>-7.73963210217482</v>
      </c>
      <c r="H1360" s="8">
        <v>51194</v>
      </c>
      <c r="I1360" s="8" t="s">
        <v>4128</v>
      </c>
      <c r="J1360" s="11" t="s">
        <v>4129</v>
      </c>
      <c r="K1360" s="8">
        <v>5</v>
      </c>
      <c r="L1360" s="8">
        <v>62403972</v>
      </c>
      <c r="M1360" s="8">
        <v>62628582</v>
      </c>
      <c r="N1360" s="12">
        <v>1</v>
      </c>
    </row>
    <row r="1361" spans="1:14" ht="128.25" x14ac:dyDescent="0.2">
      <c r="A1361" s="8" t="s">
        <v>4130</v>
      </c>
      <c r="B1361" s="8">
        <v>7.2361408836326496E-2</v>
      </c>
      <c r="C1361" s="8">
        <v>4.9597948214768399</v>
      </c>
      <c r="D1361" s="8">
        <v>1.4393168659806801</v>
      </c>
      <c r="E1361" s="26">
        <v>0.16459839683782901</v>
      </c>
      <c r="F1361" s="8">
        <v>0.20357037127160299</v>
      </c>
      <c r="G1361" s="8">
        <v>-7.5471030793653</v>
      </c>
      <c r="H1361" s="8">
        <v>60487</v>
      </c>
      <c r="I1361" s="8" t="s">
        <v>4131</v>
      </c>
      <c r="J1361" s="11" t="s">
        <v>4132</v>
      </c>
      <c r="K1361" s="8">
        <v>6</v>
      </c>
      <c r="L1361" s="8">
        <v>125986430</v>
      </c>
      <c r="M1361" s="8">
        <v>126039276</v>
      </c>
      <c r="N1361" s="12">
        <v>1</v>
      </c>
    </row>
    <row r="1362" spans="1:14" ht="128.25" x14ac:dyDescent="0.2">
      <c r="A1362" s="8" t="s">
        <v>4133</v>
      </c>
      <c r="B1362" s="8">
        <v>7.4304358395999706E-2</v>
      </c>
      <c r="C1362" s="8">
        <v>5.50346678454423</v>
      </c>
      <c r="D1362" s="8">
        <v>1.43897418739132</v>
      </c>
      <c r="E1362" s="26">
        <v>0.16469442141549101</v>
      </c>
      <c r="F1362" s="8">
        <v>0.203662585377412</v>
      </c>
      <c r="G1362" s="8">
        <v>-7.6487177274712499</v>
      </c>
      <c r="H1362" s="8">
        <v>51070</v>
      </c>
      <c r="I1362" s="8" t="s">
        <v>4134</v>
      </c>
      <c r="J1362" s="11" t="s">
        <v>4135</v>
      </c>
      <c r="K1362" s="8">
        <v>19</v>
      </c>
      <c r="L1362" s="8">
        <v>49555711</v>
      </c>
      <c r="M1362" s="8">
        <v>49590262</v>
      </c>
      <c r="N1362" s="12">
        <v>-1</v>
      </c>
    </row>
    <row r="1363" spans="1:14" ht="142.5" x14ac:dyDescent="0.2">
      <c r="A1363" s="8" t="s">
        <v>4136</v>
      </c>
      <c r="B1363" s="8">
        <v>6.6831627580959299E-2</v>
      </c>
      <c r="C1363" s="8">
        <v>5.4525201365768101</v>
      </c>
      <c r="D1363" s="8">
        <v>1.43736786679563</v>
      </c>
      <c r="E1363" s="26">
        <v>0.16514514336220201</v>
      </c>
      <c r="F1363" s="8">
        <v>0.2041933402127</v>
      </c>
      <c r="G1363" s="8">
        <v>-7.6423853785100597</v>
      </c>
      <c r="H1363" s="8">
        <v>387338</v>
      </c>
      <c r="I1363" s="8" t="s">
        <v>4137</v>
      </c>
      <c r="J1363" s="11" t="s">
        <v>4138</v>
      </c>
      <c r="K1363" s="8">
        <v>1</v>
      </c>
      <c r="L1363" s="8">
        <v>46340177</v>
      </c>
      <c r="M1363" s="8">
        <v>46365152</v>
      </c>
      <c r="N1363" s="12">
        <v>1</v>
      </c>
    </row>
    <row r="1364" spans="1:14" ht="71.25" x14ac:dyDescent="0.2">
      <c r="A1364" s="8" t="s">
        <v>4139</v>
      </c>
      <c r="B1364" s="8">
        <v>0.19574054432926899</v>
      </c>
      <c r="C1364" s="8">
        <v>1.58941387815667</v>
      </c>
      <c r="D1364" s="8">
        <v>1.4371024334504301</v>
      </c>
      <c r="E1364" s="26">
        <v>0.16521971772823599</v>
      </c>
      <c r="F1364" s="8">
        <v>0.20427223814768</v>
      </c>
      <c r="G1364" s="8">
        <v>-6.6411656823718204</v>
      </c>
      <c r="H1364" s="8">
        <v>3958</v>
      </c>
      <c r="I1364" s="8" t="s">
        <v>4140</v>
      </c>
      <c r="J1364" s="11" t="s">
        <v>4141</v>
      </c>
      <c r="K1364" s="8">
        <v>14</v>
      </c>
      <c r="L1364" s="8">
        <v>55124110</v>
      </c>
      <c r="M1364" s="8">
        <v>55145413</v>
      </c>
      <c r="N1364" s="12">
        <v>1</v>
      </c>
    </row>
    <row r="1365" spans="1:14" ht="142.5" x14ac:dyDescent="0.2">
      <c r="A1365" s="8" t="s">
        <v>4142</v>
      </c>
      <c r="B1365" s="8">
        <v>8.9561218004471102E-2</v>
      </c>
      <c r="C1365" s="8">
        <v>4.3933328821231497</v>
      </c>
      <c r="D1365" s="8">
        <v>1.43681656401772</v>
      </c>
      <c r="E1365" s="26">
        <v>0.16530006405105999</v>
      </c>
      <c r="F1365" s="8">
        <v>0.204341502364602</v>
      </c>
      <c r="G1365" s="8">
        <v>-7.4221044925438697</v>
      </c>
      <c r="H1365" s="8">
        <v>29107</v>
      </c>
      <c r="I1365" s="8" t="s">
        <v>4143</v>
      </c>
      <c r="J1365" s="11" t="s">
        <v>4144</v>
      </c>
      <c r="K1365" s="8">
        <v>20</v>
      </c>
      <c r="L1365" s="8">
        <v>23350736</v>
      </c>
      <c r="M1365" s="8">
        <v>23354777</v>
      </c>
      <c r="N1365" s="12">
        <v>1</v>
      </c>
    </row>
    <row r="1366" spans="1:14" ht="142.5" x14ac:dyDescent="0.2">
      <c r="A1366" s="8" t="s">
        <v>4145</v>
      </c>
      <c r="B1366" s="8">
        <v>7.4973481958792804E-2</v>
      </c>
      <c r="C1366" s="8">
        <v>4.5085369193287903</v>
      </c>
      <c r="D1366" s="8">
        <v>1.43609651486195</v>
      </c>
      <c r="E1366" s="26">
        <v>0.165502580343421</v>
      </c>
      <c r="F1366" s="8">
        <v>0.20454200372368</v>
      </c>
      <c r="G1366" s="8">
        <v>-7.4506532125291098</v>
      </c>
      <c r="H1366" s="8">
        <v>9924</v>
      </c>
      <c r="I1366" s="8" t="s">
        <v>4146</v>
      </c>
      <c r="J1366" s="11" t="s">
        <v>4147</v>
      </c>
      <c r="K1366" s="8">
        <v>12</v>
      </c>
      <c r="L1366" s="8">
        <v>56316223</v>
      </c>
      <c r="M1366" s="8">
        <v>56334053</v>
      </c>
      <c r="N1366" s="12">
        <v>-1</v>
      </c>
    </row>
    <row r="1367" spans="1:14" ht="156.75" x14ac:dyDescent="0.2">
      <c r="A1367" s="8" t="s">
        <v>4148</v>
      </c>
      <c r="B1367" s="8">
        <v>-7.5693133134053306E-2</v>
      </c>
      <c r="C1367" s="8">
        <v>4.3857833920899498</v>
      </c>
      <c r="D1367" s="8">
        <v>-1.4347927063839101</v>
      </c>
      <c r="E1367" s="26">
        <v>0.16586978993801499</v>
      </c>
      <c r="F1367" s="8">
        <v>0.20496913483451901</v>
      </c>
      <c r="G1367" s="8">
        <v>-7.4189027255781896</v>
      </c>
      <c r="H1367" s="8">
        <v>11066</v>
      </c>
      <c r="I1367" s="8" t="s">
        <v>4149</v>
      </c>
      <c r="J1367" s="11" t="s">
        <v>4150</v>
      </c>
      <c r="K1367" s="8">
        <v>12</v>
      </c>
      <c r="L1367" s="8">
        <v>123457641</v>
      </c>
      <c r="M1367" s="8">
        <v>123473154</v>
      </c>
      <c r="N1367" s="12">
        <v>1</v>
      </c>
    </row>
    <row r="1368" spans="1:14" ht="142.5" x14ac:dyDescent="0.2">
      <c r="A1368" s="8" t="s">
        <v>4151</v>
      </c>
      <c r="B1368" s="8">
        <v>6.0750028798813603E-2</v>
      </c>
      <c r="C1368" s="8">
        <v>7.5558949408490301</v>
      </c>
      <c r="D1368" s="8">
        <v>1.4324654084309201</v>
      </c>
      <c r="E1368" s="26">
        <v>0.16652689097571599</v>
      </c>
      <c r="F1368" s="8">
        <v>0.20576773082733099</v>
      </c>
      <c r="G1368" s="8">
        <v>-7.8503083663257804</v>
      </c>
      <c r="H1368" s="8">
        <v>25957</v>
      </c>
      <c r="I1368" s="8" t="s">
        <v>4152</v>
      </c>
      <c r="J1368" s="11" t="s">
        <v>4153</v>
      </c>
      <c r="K1368" s="8">
        <v>6</v>
      </c>
      <c r="L1368" s="8">
        <v>99398051</v>
      </c>
      <c r="M1368" s="8">
        <v>99425331</v>
      </c>
      <c r="N1368" s="12">
        <v>-1</v>
      </c>
    </row>
    <row r="1369" spans="1:14" ht="114" x14ac:dyDescent="0.2">
      <c r="A1369" s="8" t="s">
        <v>4154</v>
      </c>
      <c r="B1369" s="8">
        <v>-7.3202280489634397E-2</v>
      </c>
      <c r="C1369" s="8">
        <v>6.9088248010254398</v>
      </c>
      <c r="D1369" s="8">
        <v>-1.4319888667406699</v>
      </c>
      <c r="E1369" s="26">
        <v>0.16666169847171</v>
      </c>
      <c r="F1369" s="8">
        <v>0.20590749035792</v>
      </c>
      <c r="G1369" s="8">
        <v>-7.8101223960955997</v>
      </c>
      <c r="H1369" s="8">
        <v>27339</v>
      </c>
      <c r="I1369" s="8" t="s">
        <v>4155</v>
      </c>
      <c r="J1369" s="11" t="s">
        <v>4156</v>
      </c>
      <c r="K1369" s="8">
        <v>11</v>
      </c>
      <c r="L1369" s="8">
        <v>60890730</v>
      </c>
      <c r="M1369" s="8">
        <v>60906588</v>
      </c>
      <c r="N1369" s="12">
        <v>-1</v>
      </c>
    </row>
    <row r="1370" spans="1:14" ht="128.25" x14ac:dyDescent="0.2">
      <c r="A1370" s="8" t="s">
        <v>4157</v>
      </c>
      <c r="B1370" s="8">
        <v>-8.1154848737323704E-2</v>
      </c>
      <c r="C1370" s="8">
        <v>5.2778062525084</v>
      </c>
      <c r="D1370" s="8">
        <v>-1.4241041105077401</v>
      </c>
      <c r="E1370" s="26">
        <v>0.16890497563538701</v>
      </c>
      <c r="F1370" s="8">
        <v>0.20846333128018901</v>
      </c>
      <c r="G1370" s="8">
        <v>-7.6268210639852301</v>
      </c>
      <c r="H1370" s="8">
        <v>27043</v>
      </c>
      <c r="I1370" s="8" t="s">
        <v>4158</v>
      </c>
      <c r="J1370" s="11" t="s">
        <v>4159</v>
      </c>
      <c r="K1370" s="8">
        <v>17</v>
      </c>
      <c r="L1370" s="8">
        <v>4669774</v>
      </c>
      <c r="M1370" s="8">
        <v>4704337</v>
      </c>
      <c r="N1370" s="12">
        <v>-1</v>
      </c>
    </row>
    <row r="1371" spans="1:14" ht="114" x14ac:dyDescent="0.2">
      <c r="A1371" s="8" t="s">
        <v>4160</v>
      </c>
      <c r="B1371" s="8">
        <v>-5.6103218825393597E-2</v>
      </c>
      <c r="C1371" s="8">
        <v>6.8263020170507698</v>
      </c>
      <c r="D1371" s="8">
        <v>-1.4196457783788701</v>
      </c>
      <c r="E1371" s="26">
        <v>0.170184111879952</v>
      </c>
      <c r="F1371" s="8">
        <v>0.209890419909394</v>
      </c>
      <c r="G1371" s="8">
        <v>-7.8213922414610701</v>
      </c>
      <c r="H1371" s="8">
        <v>10204</v>
      </c>
      <c r="I1371" s="8" t="s">
        <v>4161</v>
      </c>
      <c r="J1371" s="11" t="s">
        <v>4162</v>
      </c>
      <c r="K1371" s="8">
        <v>16</v>
      </c>
      <c r="L1371" s="8">
        <v>67846732</v>
      </c>
      <c r="M1371" s="8">
        <v>67872567</v>
      </c>
      <c r="N1371" s="12">
        <v>1</v>
      </c>
    </row>
    <row r="1372" spans="1:14" ht="128.25" x14ac:dyDescent="0.2">
      <c r="A1372" s="8" t="s">
        <v>4163</v>
      </c>
      <c r="B1372" s="8">
        <v>-6.3169264589845397E-2</v>
      </c>
      <c r="C1372" s="8">
        <v>5.3855215990251901</v>
      </c>
      <c r="D1372" s="8">
        <v>-1.41319621038693</v>
      </c>
      <c r="E1372" s="26">
        <v>0.17204830379088801</v>
      </c>
      <c r="F1372" s="8">
        <v>0.212037969933736</v>
      </c>
      <c r="G1372" s="8">
        <v>-7.6613638262636297</v>
      </c>
      <c r="H1372" s="8">
        <v>92170</v>
      </c>
      <c r="I1372" s="8" t="s">
        <v>4164</v>
      </c>
      <c r="J1372" s="11" t="s">
        <v>4165</v>
      </c>
      <c r="K1372" s="8">
        <v>10</v>
      </c>
      <c r="L1372" s="8">
        <v>133394094</v>
      </c>
      <c r="M1372" s="8">
        <v>133421307</v>
      </c>
      <c r="N1372" s="12">
        <v>1</v>
      </c>
    </row>
    <row r="1373" spans="1:14" ht="128.25" x14ac:dyDescent="0.2">
      <c r="A1373" s="8" t="s">
        <v>4166</v>
      </c>
      <c r="B1373" s="8">
        <v>-7.1169598963995995E-2</v>
      </c>
      <c r="C1373" s="8">
        <v>4.6757826272276999</v>
      </c>
      <c r="D1373" s="8">
        <v>-1.40706664033284</v>
      </c>
      <c r="E1373" s="26">
        <v>0.17383514116966201</v>
      </c>
      <c r="F1373" s="8">
        <v>0.21393446653545201</v>
      </c>
      <c r="G1373" s="8">
        <v>-7.5255882695422098</v>
      </c>
      <c r="H1373" s="8">
        <v>54974</v>
      </c>
      <c r="I1373" s="8" t="s">
        <v>4167</v>
      </c>
      <c r="J1373" s="11" t="s">
        <v>4168</v>
      </c>
      <c r="K1373" s="8">
        <v>5</v>
      </c>
      <c r="L1373" s="8">
        <v>157731197</v>
      </c>
      <c r="M1373" s="8">
        <v>157741448</v>
      </c>
      <c r="N1373" s="12">
        <v>1</v>
      </c>
    </row>
    <row r="1374" spans="1:14" ht="114" x14ac:dyDescent="0.2">
      <c r="A1374" s="8" t="s">
        <v>4169</v>
      </c>
      <c r="B1374" s="8">
        <v>0.162195398829825</v>
      </c>
      <c r="C1374" s="8">
        <v>1.6101547982871001</v>
      </c>
      <c r="D1374" s="8">
        <v>1.40653570773253</v>
      </c>
      <c r="E1374" s="26">
        <v>0.17399061049305301</v>
      </c>
      <c r="F1374" s="8">
        <v>0.21407026810987201</v>
      </c>
      <c r="G1374" s="8">
        <v>-6.6876982635423703</v>
      </c>
      <c r="H1374" s="8">
        <v>80114</v>
      </c>
      <c r="I1374" s="8" t="s">
        <v>4170</v>
      </c>
      <c r="J1374" s="11" t="s">
        <v>4171</v>
      </c>
      <c r="K1374" s="8">
        <v>10</v>
      </c>
      <c r="L1374" s="8">
        <v>58513140</v>
      </c>
      <c r="M1374" s="8">
        <v>58831437</v>
      </c>
      <c r="N1374" s="12">
        <v>1</v>
      </c>
    </row>
    <row r="1375" spans="1:14" ht="142.5" x14ac:dyDescent="0.2">
      <c r="A1375" s="8" t="s">
        <v>4172</v>
      </c>
      <c r="B1375" s="8">
        <v>8.4771831663358596E-2</v>
      </c>
      <c r="C1375" s="8">
        <v>5.6090703088791303</v>
      </c>
      <c r="D1375" s="8">
        <v>1.40574048353145</v>
      </c>
      <c r="E1375" s="26">
        <v>0.17422367863375801</v>
      </c>
      <c r="F1375" s="8">
        <v>0.214329233076158</v>
      </c>
      <c r="G1375" s="8">
        <v>-7.7109635010917197</v>
      </c>
      <c r="H1375" s="8">
        <v>57703</v>
      </c>
      <c r="I1375" s="8" t="s">
        <v>4173</v>
      </c>
      <c r="J1375" s="11" t="s">
        <v>4174</v>
      </c>
      <c r="K1375" s="8">
        <v>2</v>
      </c>
      <c r="L1375" s="8">
        <v>179944876</v>
      </c>
      <c r="M1375" s="8">
        <v>180007113</v>
      </c>
      <c r="N1375" s="12">
        <v>-1</v>
      </c>
    </row>
    <row r="1376" spans="1:14" ht="156.75" x14ac:dyDescent="0.2">
      <c r="A1376" s="8" t="s">
        <v>4175</v>
      </c>
      <c r="B1376" s="8">
        <v>9.7852015804887699E-2</v>
      </c>
      <c r="C1376" s="8">
        <v>8.6449147951753194</v>
      </c>
      <c r="D1376" s="8">
        <v>1.4037402364273801</v>
      </c>
      <c r="E1376" s="26">
        <v>0.17481102518636901</v>
      </c>
      <c r="F1376" s="8">
        <v>0.21496817165381901</v>
      </c>
      <c r="G1376" s="8">
        <v>-7.9483937035892698</v>
      </c>
      <c r="H1376" s="8">
        <v>7175</v>
      </c>
      <c r="I1376" s="8" t="s">
        <v>4176</v>
      </c>
      <c r="J1376" s="11" t="s">
        <v>4177</v>
      </c>
      <c r="K1376" s="8">
        <v>1</v>
      </c>
      <c r="L1376" s="8">
        <v>186311652</v>
      </c>
      <c r="M1376" s="8">
        <v>186375693</v>
      </c>
      <c r="N1376" s="12">
        <v>-1</v>
      </c>
    </row>
    <row r="1377" spans="1:14" ht="128.25" x14ac:dyDescent="0.2">
      <c r="A1377" s="8" t="s">
        <v>4178</v>
      </c>
      <c r="B1377" s="8">
        <v>5.7987218385165698E-2</v>
      </c>
      <c r="C1377" s="8">
        <v>6.9457951254438104</v>
      </c>
      <c r="D1377" s="8">
        <v>1.4016659107381599</v>
      </c>
      <c r="E1377" s="26">
        <v>0.17542179548612999</v>
      </c>
      <c r="F1377" s="8">
        <v>0.21562271176527401</v>
      </c>
      <c r="G1377" s="8">
        <v>-7.8545857067493996</v>
      </c>
      <c r="H1377" s="8">
        <v>6429</v>
      </c>
      <c r="I1377" s="8" t="s">
        <v>4179</v>
      </c>
      <c r="J1377" s="11" t="s">
        <v>4180</v>
      </c>
      <c r="K1377" s="8">
        <v>1</v>
      </c>
      <c r="L1377" s="8">
        <v>29147743</v>
      </c>
      <c r="M1377" s="8">
        <v>29181987</v>
      </c>
      <c r="N1377" s="12">
        <v>-1</v>
      </c>
    </row>
    <row r="1378" spans="1:14" ht="142.5" x14ac:dyDescent="0.2">
      <c r="A1378" s="8" t="s">
        <v>4181</v>
      </c>
      <c r="B1378" s="8">
        <v>6.3787334059271394E-2</v>
      </c>
      <c r="C1378" s="8">
        <v>5.2471854300095</v>
      </c>
      <c r="D1378" s="8">
        <v>1.39972204564407</v>
      </c>
      <c r="E1378" s="26">
        <v>0.17599569966397099</v>
      </c>
      <c r="F1378" s="8">
        <v>0.216242822435946</v>
      </c>
      <c r="G1378" s="8">
        <v>-7.6570241304726796</v>
      </c>
      <c r="H1378" s="8">
        <v>81875</v>
      </c>
      <c r="I1378" s="8" t="s">
        <v>4182</v>
      </c>
      <c r="J1378" s="11" t="s">
        <v>4183</v>
      </c>
      <c r="K1378" s="8">
        <v>1</v>
      </c>
      <c r="L1378" s="8">
        <v>156721891</v>
      </c>
      <c r="M1378" s="8">
        <v>156728799</v>
      </c>
      <c r="N1378" s="12">
        <v>-1</v>
      </c>
    </row>
    <row r="1379" spans="1:14" ht="114" x14ac:dyDescent="0.2">
      <c r="A1379" s="8" t="s">
        <v>4184</v>
      </c>
      <c r="B1379" s="8">
        <v>5.9551379135408297E-2</v>
      </c>
      <c r="C1379" s="8">
        <v>5.7130511237755401</v>
      </c>
      <c r="D1379" s="8">
        <v>1.3967914500826899</v>
      </c>
      <c r="E1379" s="26">
        <v>0.176863759159094</v>
      </c>
      <c r="F1379" s="8">
        <v>0.217239065214377</v>
      </c>
      <c r="G1379" s="8">
        <v>-7.7382801443161497</v>
      </c>
      <c r="H1379" s="8">
        <v>51639</v>
      </c>
      <c r="I1379" s="8" t="s">
        <v>4185</v>
      </c>
      <c r="J1379" s="11" t="s">
        <v>4186</v>
      </c>
      <c r="K1379" s="8">
        <v>2</v>
      </c>
      <c r="L1379" s="8">
        <v>24067584</v>
      </c>
      <c r="M1379" s="8">
        <v>24076443</v>
      </c>
      <c r="N1379" s="12">
        <v>-1</v>
      </c>
    </row>
    <row r="1380" spans="1:14" ht="85.5" x14ac:dyDescent="0.2">
      <c r="A1380" s="8" t="s">
        <v>4187</v>
      </c>
      <c r="B1380" s="8">
        <v>-5.2908266781924999E-2</v>
      </c>
      <c r="C1380" s="8">
        <v>7.40185316208595</v>
      </c>
      <c r="D1380" s="8">
        <v>-1.39134593737817</v>
      </c>
      <c r="E1380" s="26">
        <v>0.17848582494113599</v>
      </c>
      <c r="F1380" s="8">
        <v>0.21910379066614499</v>
      </c>
      <c r="G1380" s="8">
        <v>-7.89616760550871</v>
      </c>
      <c r="H1380" s="8">
        <v>92140</v>
      </c>
      <c r="I1380" s="8" t="s">
        <v>4188</v>
      </c>
      <c r="J1380" s="11" t="s">
        <v>4189</v>
      </c>
      <c r="K1380" s="8">
        <v>8</v>
      </c>
      <c r="L1380" s="8">
        <v>97644179</v>
      </c>
      <c r="M1380" s="8">
        <v>97728770</v>
      </c>
      <c r="N1380" s="12">
        <v>1</v>
      </c>
    </row>
    <row r="1381" spans="1:14" ht="156.75" x14ac:dyDescent="0.2">
      <c r="A1381" s="8" t="s">
        <v>4190</v>
      </c>
      <c r="B1381" s="8">
        <v>4.8981107811119501E-2</v>
      </c>
      <c r="C1381" s="8">
        <v>6.3966054408171802</v>
      </c>
      <c r="D1381" s="8">
        <v>1.3825716755566999</v>
      </c>
      <c r="E1381" s="26">
        <v>0.18112435568635901</v>
      </c>
      <c r="F1381" s="8">
        <v>0.22205548794237601</v>
      </c>
      <c r="G1381" s="8">
        <v>-7.8377493349250402</v>
      </c>
      <c r="H1381" s="8">
        <v>8575</v>
      </c>
      <c r="I1381" s="8" t="s">
        <v>4191</v>
      </c>
      <c r="J1381" s="11" t="s">
        <v>4192</v>
      </c>
      <c r="K1381" s="8">
        <v>2</v>
      </c>
      <c r="L1381" s="8">
        <v>178431414</v>
      </c>
      <c r="M1381" s="8">
        <v>178451512</v>
      </c>
      <c r="N1381" s="12">
        <v>-1</v>
      </c>
    </row>
    <row r="1382" spans="1:14" ht="142.5" x14ac:dyDescent="0.2">
      <c r="A1382" s="8" t="s">
        <v>4193</v>
      </c>
      <c r="B1382" s="8">
        <v>6.3307004237625406E-2</v>
      </c>
      <c r="C1382" s="8">
        <v>5.32569220553279</v>
      </c>
      <c r="D1382" s="8">
        <v>1.37963174483992</v>
      </c>
      <c r="E1382" s="26">
        <v>0.18201533816137</v>
      </c>
      <c r="F1382" s="8">
        <v>0.22304695029628799</v>
      </c>
      <c r="G1382" s="8">
        <v>-7.6981673110618702</v>
      </c>
      <c r="H1382" s="8">
        <v>10605</v>
      </c>
      <c r="I1382" s="8" t="s">
        <v>4194</v>
      </c>
      <c r="J1382" s="11" t="s">
        <v>4195</v>
      </c>
      <c r="K1382" s="8">
        <v>5</v>
      </c>
      <c r="L1382" s="8">
        <v>43526267</v>
      </c>
      <c r="M1382" s="8">
        <v>43557758</v>
      </c>
      <c r="N1382" s="12">
        <v>-1</v>
      </c>
    </row>
    <row r="1383" spans="1:14" ht="85.5" x14ac:dyDescent="0.2">
      <c r="A1383" s="8" t="s">
        <v>4196</v>
      </c>
      <c r="B1383" s="8">
        <v>5.5680367196902801E-2</v>
      </c>
      <c r="C1383" s="8">
        <v>6.07290388760598</v>
      </c>
      <c r="D1383" s="8">
        <v>1.3745068359855299</v>
      </c>
      <c r="E1383" s="26">
        <v>0.183576830122549</v>
      </c>
      <c r="F1383" s="8">
        <v>0.22481527524752201</v>
      </c>
      <c r="G1383" s="8">
        <v>-7.8148352471226303</v>
      </c>
      <c r="H1383" s="8">
        <v>9692</v>
      </c>
      <c r="I1383" s="8" t="s">
        <v>4197</v>
      </c>
      <c r="J1383" s="11" t="s">
        <v>4198</v>
      </c>
      <c r="K1383" s="8">
        <v>14</v>
      </c>
      <c r="L1383" s="8">
        <v>35121846</v>
      </c>
      <c r="M1383" s="8">
        <v>35277614</v>
      </c>
      <c r="N1383" s="12">
        <v>1</v>
      </c>
    </row>
    <row r="1384" spans="1:14" ht="114" x14ac:dyDescent="0.2">
      <c r="A1384" s="8" t="s">
        <v>4199</v>
      </c>
      <c r="B1384" s="8">
        <v>5.04248010950041E-2</v>
      </c>
      <c r="C1384" s="8">
        <v>6.3485692885126799</v>
      </c>
      <c r="D1384" s="8">
        <v>1.3686763760598799</v>
      </c>
      <c r="E1384" s="26">
        <v>0.18536620215955299</v>
      </c>
      <c r="F1384" s="8">
        <v>0.226830952952144</v>
      </c>
      <c r="G1384" s="8">
        <v>-7.8516317542474701</v>
      </c>
      <c r="H1384" s="8">
        <v>5514</v>
      </c>
      <c r="I1384" s="8" t="s">
        <v>4200</v>
      </c>
      <c r="J1384" s="11" t="s">
        <v>4201</v>
      </c>
      <c r="K1384" s="8">
        <v>6</v>
      </c>
      <c r="L1384" s="8">
        <v>30600400</v>
      </c>
      <c r="M1384" s="8">
        <v>30618612</v>
      </c>
      <c r="N1384" s="12">
        <v>-1</v>
      </c>
    </row>
    <row r="1385" spans="1:14" ht="99.75" x14ac:dyDescent="0.2">
      <c r="A1385" s="8" t="s">
        <v>4202</v>
      </c>
      <c r="B1385" s="8">
        <v>5.2187073845802297E-2</v>
      </c>
      <c r="C1385" s="8">
        <v>6.7970810776224804</v>
      </c>
      <c r="D1385" s="8">
        <v>1.36062087634063</v>
      </c>
      <c r="E1385" s="26">
        <v>0.18786114663314299</v>
      </c>
      <c r="F1385" s="8">
        <v>0.229558337389385</v>
      </c>
      <c r="G1385" s="8">
        <v>-7.89886936404314</v>
      </c>
      <c r="H1385" s="8">
        <v>91746</v>
      </c>
      <c r="I1385" s="8" t="s">
        <v>4203</v>
      </c>
      <c r="J1385" s="11" t="s">
        <v>4204</v>
      </c>
      <c r="K1385" s="8">
        <v>4</v>
      </c>
      <c r="L1385" s="8">
        <v>68310387</v>
      </c>
      <c r="M1385" s="8">
        <v>68350089</v>
      </c>
      <c r="N1385" s="12">
        <v>-1</v>
      </c>
    </row>
    <row r="1386" spans="1:14" ht="142.5" x14ac:dyDescent="0.2">
      <c r="A1386" s="8" t="s">
        <v>4205</v>
      </c>
      <c r="B1386" s="8">
        <v>6.3993948060534003E-2</v>
      </c>
      <c r="C1386" s="8">
        <v>4.6184380473641804</v>
      </c>
      <c r="D1386" s="8">
        <v>1.35138249843089</v>
      </c>
      <c r="E1386" s="26">
        <v>0.19075505767826401</v>
      </c>
      <c r="F1386" s="8">
        <v>0.23276483600568601</v>
      </c>
      <c r="G1386" s="8">
        <v>-7.5896370288233896</v>
      </c>
      <c r="H1386" s="8">
        <v>285367</v>
      </c>
      <c r="I1386" s="8" t="s">
        <v>4206</v>
      </c>
      <c r="J1386" s="11" t="s">
        <v>4207</v>
      </c>
      <c r="K1386" s="8">
        <v>3</v>
      </c>
      <c r="L1386" s="8">
        <v>9837849</v>
      </c>
      <c r="M1386" s="8">
        <v>9844602</v>
      </c>
      <c r="N1386" s="12">
        <v>-1</v>
      </c>
    </row>
    <row r="1387" spans="1:14" ht="114" x14ac:dyDescent="0.2">
      <c r="A1387" s="8" t="s">
        <v>4208</v>
      </c>
      <c r="B1387" s="8">
        <v>5.4063340547470397E-2</v>
      </c>
      <c r="C1387" s="8">
        <v>5.3884692450669096</v>
      </c>
      <c r="D1387" s="8">
        <v>1.34624487455109</v>
      </c>
      <c r="E1387" s="26">
        <v>0.192379563491098</v>
      </c>
      <c r="F1387" s="8">
        <v>0.23467165754133701</v>
      </c>
      <c r="G1387" s="8">
        <v>-7.7528035801134898</v>
      </c>
      <c r="H1387" s="8">
        <v>9683</v>
      </c>
      <c r="I1387" s="8" t="s">
        <v>4209</v>
      </c>
      <c r="J1387" s="11" t="s">
        <v>4210</v>
      </c>
      <c r="K1387" s="8">
        <v>16</v>
      </c>
      <c r="L1387" s="8">
        <v>48538726</v>
      </c>
      <c r="M1387" s="8">
        <v>48620148</v>
      </c>
      <c r="N1387" s="12">
        <v>-1</v>
      </c>
    </row>
    <row r="1388" spans="1:14" ht="99.75" x14ac:dyDescent="0.2">
      <c r="A1388" s="8" t="s">
        <v>4211</v>
      </c>
      <c r="B1388" s="8">
        <v>6.6009913935864098E-2</v>
      </c>
      <c r="C1388" s="8">
        <v>5.4860100168207602</v>
      </c>
      <c r="D1388" s="8">
        <v>1.3379550075218301</v>
      </c>
      <c r="E1388" s="26">
        <v>0.19502375325931301</v>
      </c>
      <c r="F1388" s="8">
        <v>0.23748496955864901</v>
      </c>
      <c r="G1388" s="8">
        <v>-7.7803728823423999</v>
      </c>
      <c r="H1388" s="8">
        <v>90459</v>
      </c>
      <c r="I1388" s="8" t="s">
        <v>4212</v>
      </c>
      <c r="J1388" s="11" t="s">
        <v>4213</v>
      </c>
      <c r="K1388" s="8">
        <v>8</v>
      </c>
      <c r="L1388" s="8">
        <v>9002147</v>
      </c>
      <c r="M1388" s="8">
        <v>9116746</v>
      </c>
      <c r="N1388" s="12">
        <v>1</v>
      </c>
    </row>
    <row r="1389" spans="1:14" ht="142.5" x14ac:dyDescent="0.2">
      <c r="A1389" s="8" t="s">
        <v>4214</v>
      </c>
      <c r="B1389" s="8">
        <v>8.7153993533956295E-2</v>
      </c>
      <c r="C1389" s="8">
        <v>4.13127343459219</v>
      </c>
      <c r="D1389" s="8">
        <v>1.32852591421598</v>
      </c>
      <c r="E1389" s="26">
        <v>0.198065941840709</v>
      </c>
      <c r="F1389" s="8">
        <v>0.24086493933426101</v>
      </c>
      <c r="G1389" s="8">
        <v>-7.5001258791860703</v>
      </c>
      <c r="H1389" s="8">
        <v>10171</v>
      </c>
      <c r="I1389" s="8" t="s">
        <v>4215</v>
      </c>
      <c r="J1389" s="11" t="s">
        <v>4216</v>
      </c>
      <c r="K1389" s="8">
        <v>9</v>
      </c>
      <c r="L1389" s="8">
        <v>4792869</v>
      </c>
      <c r="M1389" s="8">
        <v>4885917</v>
      </c>
      <c r="N1389" s="12">
        <v>1</v>
      </c>
    </row>
    <row r="1390" spans="1:14" ht="142.5" x14ac:dyDescent="0.2">
      <c r="A1390" s="8" t="s">
        <v>4217</v>
      </c>
      <c r="B1390" s="8">
        <v>5.2717722875076603E-2</v>
      </c>
      <c r="C1390" s="8">
        <v>6.4867357357539301</v>
      </c>
      <c r="D1390" s="8">
        <v>1.3283751820498</v>
      </c>
      <c r="E1390" s="26">
        <v>0.19811487426141</v>
      </c>
      <c r="F1390" s="8">
        <v>0.24089357140121601</v>
      </c>
      <c r="G1390" s="8">
        <v>-7.9166684301063501</v>
      </c>
      <c r="H1390" s="8">
        <v>5770</v>
      </c>
      <c r="I1390" s="8" t="s">
        <v>4218</v>
      </c>
      <c r="J1390" s="11" t="s">
        <v>4219</v>
      </c>
      <c r="K1390" s="8">
        <v>20</v>
      </c>
      <c r="L1390" s="8">
        <v>50510321</v>
      </c>
      <c r="M1390" s="8">
        <v>50585241</v>
      </c>
      <c r="N1390" s="12">
        <v>1</v>
      </c>
    </row>
    <row r="1391" spans="1:14" ht="114" x14ac:dyDescent="0.2">
      <c r="A1391" s="8" t="s">
        <v>4220</v>
      </c>
      <c r="B1391" s="8">
        <v>4.5768308632419902E-2</v>
      </c>
      <c r="C1391" s="8">
        <v>8.4763270813915401</v>
      </c>
      <c r="D1391" s="8">
        <v>1.30610406693936</v>
      </c>
      <c r="E1391" s="26">
        <v>0.205449383726929</v>
      </c>
      <c r="F1391" s="8">
        <v>0.249077681913111</v>
      </c>
      <c r="G1391" s="8">
        <v>-8.06722970964403</v>
      </c>
      <c r="H1391" s="8" t="s">
        <v>4221</v>
      </c>
      <c r="I1391" s="8" t="s">
        <v>4222</v>
      </c>
      <c r="J1391" s="11" t="s">
        <v>4223</v>
      </c>
      <c r="K1391" s="8">
        <v>3</v>
      </c>
      <c r="L1391" s="8">
        <v>186783205</v>
      </c>
      <c r="M1391" s="8">
        <v>186789900</v>
      </c>
      <c r="N1391" s="12">
        <v>1</v>
      </c>
    </row>
    <row r="1392" spans="1:14" ht="128.25" x14ac:dyDescent="0.2">
      <c r="A1392" s="8" t="s">
        <v>4224</v>
      </c>
      <c r="B1392" s="8">
        <v>7.5529206242692701E-2</v>
      </c>
      <c r="C1392" s="8">
        <v>4.7616213635281399</v>
      </c>
      <c r="D1392" s="8">
        <v>1.3050655481560101</v>
      </c>
      <c r="E1392" s="26">
        <v>0.205796493258117</v>
      </c>
      <c r="F1392" s="8">
        <v>0.24946662743911099</v>
      </c>
      <c r="G1392" s="8">
        <v>-7.6817787918457698</v>
      </c>
      <c r="H1392" s="8">
        <v>143884</v>
      </c>
      <c r="I1392" s="8" t="s">
        <v>4225</v>
      </c>
      <c r="J1392" s="11" t="s">
        <v>4226</v>
      </c>
      <c r="K1392" s="8">
        <v>11</v>
      </c>
      <c r="L1392" s="8">
        <v>107326345</v>
      </c>
      <c r="M1392" s="8">
        <v>107457844</v>
      </c>
      <c r="N1392" s="12">
        <v>-1</v>
      </c>
    </row>
    <row r="1393" spans="1:14" ht="128.25" x14ac:dyDescent="0.2">
      <c r="A1393" s="8" t="s">
        <v>4227</v>
      </c>
      <c r="B1393" s="8">
        <v>4.2545869537732997E-2</v>
      </c>
      <c r="C1393" s="8">
        <v>7.4427425445731501</v>
      </c>
      <c r="D1393" s="8">
        <v>1.28797334717519</v>
      </c>
      <c r="E1393" s="26">
        <v>0.21157508588653801</v>
      </c>
      <c r="F1393" s="8">
        <v>0.25591563546872498</v>
      </c>
      <c r="G1393" s="8">
        <v>-8.0328191227384291</v>
      </c>
      <c r="H1393" s="8">
        <v>6830</v>
      </c>
      <c r="I1393" s="8" t="s">
        <v>4228</v>
      </c>
      <c r="J1393" s="11" t="s">
        <v>4229</v>
      </c>
      <c r="K1393" s="8">
        <v>17</v>
      </c>
      <c r="L1393" s="8">
        <v>28662091</v>
      </c>
      <c r="M1393" s="8">
        <v>28702684</v>
      </c>
      <c r="N1393" s="12">
        <v>1</v>
      </c>
    </row>
    <row r="1394" spans="1:14" ht="114" x14ac:dyDescent="0.2">
      <c r="A1394" s="8" t="s">
        <v>4230</v>
      </c>
      <c r="B1394" s="8">
        <v>-5.1956612543230897E-2</v>
      </c>
      <c r="C1394" s="8">
        <v>8.1051899779120298</v>
      </c>
      <c r="D1394" s="8">
        <v>-1.2851109249066199</v>
      </c>
      <c r="E1394" s="26">
        <v>0.21255499867073599</v>
      </c>
      <c r="F1394" s="8">
        <v>0.25695351062393601</v>
      </c>
      <c r="G1394" s="8">
        <v>-8.0734726201014393</v>
      </c>
      <c r="H1394" s="8">
        <v>3191</v>
      </c>
      <c r="I1394" s="8" t="s">
        <v>4231</v>
      </c>
      <c r="J1394" s="11" t="s">
        <v>4232</v>
      </c>
      <c r="K1394" s="8">
        <v>19</v>
      </c>
      <c r="L1394" s="8">
        <v>38836388</v>
      </c>
      <c r="M1394" s="8">
        <v>38852347</v>
      </c>
      <c r="N1394" s="12">
        <v>-1</v>
      </c>
    </row>
    <row r="1395" spans="1:14" ht="128.25" x14ac:dyDescent="0.2">
      <c r="A1395" s="8" t="s">
        <v>4233</v>
      </c>
      <c r="B1395" s="8">
        <v>4.7106881980714603E-2</v>
      </c>
      <c r="C1395" s="8">
        <v>7.3660400685004497</v>
      </c>
      <c r="D1395" s="8">
        <v>1.28306770838773</v>
      </c>
      <c r="E1395" s="26">
        <v>0.21325661281160899</v>
      </c>
      <c r="F1395" s="8">
        <v>0.257740167840523</v>
      </c>
      <c r="G1395" s="8">
        <v>-8.0344263462608403</v>
      </c>
      <c r="H1395" s="8">
        <v>51335</v>
      </c>
      <c r="I1395" s="8" t="s">
        <v>4234</v>
      </c>
      <c r="J1395" s="11" t="s">
        <v>4235</v>
      </c>
      <c r="K1395" s="8">
        <v>15</v>
      </c>
      <c r="L1395" s="8">
        <v>90265659</v>
      </c>
      <c r="M1395" s="8">
        <v>90278141</v>
      </c>
      <c r="N1395" s="12">
        <v>1</v>
      </c>
    </row>
    <row r="1396" spans="1:14" ht="114" x14ac:dyDescent="0.2">
      <c r="A1396" s="8" t="s">
        <v>4236</v>
      </c>
      <c r="B1396" s="8">
        <v>7.8266952856219901E-2</v>
      </c>
      <c r="C1396" s="8">
        <v>4.13569050853273</v>
      </c>
      <c r="D1396" s="8">
        <v>1.28216572789586</v>
      </c>
      <c r="E1396" s="26">
        <v>0.21356691058205499</v>
      </c>
      <c r="F1396" s="8">
        <v>0.25804528601271198</v>
      </c>
      <c r="G1396" s="8">
        <v>-7.5597025454023896</v>
      </c>
      <c r="H1396" s="8">
        <v>3508</v>
      </c>
      <c r="I1396" s="8" t="s">
        <v>4237</v>
      </c>
      <c r="J1396" s="11" t="s">
        <v>4238</v>
      </c>
      <c r="K1396" s="8">
        <v>11</v>
      </c>
      <c r="L1396" s="8">
        <v>68903842</v>
      </c>
      <c r="M1396" s="8">
        <v>68940602</v>
      </c>
      <c r="N1396" s="12">
        <v>1</v>
      </c>
    </row>
    <row r="1397" spans="1:14" ht="142.5" x14ac:dyDescent="0.2">
      <c r="A1397" s="8" t="s">
        <v>4239</v>
      </c>
      <c r="B1397" s="8">
        <v>4.5488104658270197E-2</v>
      </c>
      <c r="C1397" s="8">
        <v>7.5483537314245801</v>
      </c>
      <c r="D1397" s="8">
        <v>1.28062123834611</v>
      </c>
      <c r="E1397" s="26">
        <v>0.214099053708386</v>
      </c>
      <c r="F1397" s="8">
        <v>0.25860592847202901</v>
      </c>
      <c r="G1397" s="8">
        <v>-8.0482011043663899</v>
      </c>
      <c r="H1397" s="8">
        <v>22862</v>
      </c>
      <c r="I1397" s="8" t="s">
        <v>4240</v>
      </c>
      <c r="J1397" s="11" t="s">
        <v>4241</v>
      </c>
      <c r="K1397" s="8">
        <v>13</v>
      </c>
      <c r="L1397" s="8">
        <v>48975912</v>
      </c>
      <c r="M1397" s="8">
        <v>49209779</v>
      </c>
      <c r="N1397" s="12">
        <v>1</v>
      </c>
    </row>
    <row r="1398" spans="1:14" ht="114" x14ac:dyDescent="0.2">
      <c r="A1398" s="8" t="s">
        <v>4242</v>
      </c>
      <c r="B1398" s="8">
        <v>5.5081160588321701E-2</v>
      </c>
      <c r="C1398" s="8">
        <v>6.67170432510816</v>
      </c>
      <c r="D1398" s="8">
        <v>1.2780930692668999</v>
      </c>
      <c r="E1398" s="26">
        <v>0.21497232745796199</v>
      </c>
      <c r="F1398" s="8">
        <v>0.25956161215052198</v>
      </c>
      <c r="G1398" s="8">
        <v>-7.9951518832161996</v>
      </c>
      <c r="H1398" s="8">
        <v>51187</v>
      </c>
      <c r="I1398" s="8" t="s">
        <v>4243</v>
      </c>
      <c r="J1398" s="11" t="s">
        <v>4244</v>
      </c>
      <c r="K1398" s="8">
        <v>15</v>
      </c>
      <c r="L1398" s="8">
        <v>55180806</v>
      </c>
      <c r="M1398" s="8">
        <v>55197067</v>
      </c>
      <c r="N1398" s="12">
        <v>-1</v>
      </c>
    </row>
    <row r="1399" spans="1:14" ht="142.5" x14ac:dyDescent="0.2">
      <c r="A1399" s="8" t="s">
        <v>4245</v>
      </c>
      <c r="B1399" s="8">
        <v>6.7139263324918402E-2</v>
      </c>
      <c r="C1399" s="8">
        <v>4.7766624489805301</v>
      </c>
      <c r="D1399" s="8">
        <v>1.27623899640706</v>
      </c>
      <c r="E1399" s="26">
        <v>0.21561450306067201</v>
      </c>
      <c r="F1399" s="8">
        <v>0.260287304362747</v>
      </c>
      <c r="G1399" s="8">
        <v>-7.7210403371030001</v>
      </c>
      <c r="H1399" s="8">
        <v>27257</v>
      </c>
      <c r="I1399" s="8" t="s">
        <v>4246</v>
      </c>
      <c r="J1399" s="11" t="s">
        <v>4247</v>
      </c>
      <c r="K1399" s="8">
        <v>8</v>
      </c>
      <c r="L1399" s="8">
        <v>38163321</v>
      </c>
      <c r="M1399" s="8">
        <v>38176730</v>
      </c>
      <c r="N1399" s="12">
        <v>-1</v>
      </c>
    </row>
    <row r="1400" spans="1:14" ht="114" x14ac:dyDescent="0.2">
      <c r="A1400" s="8" t="s">
        <v>4248</v>
      </c>
      <c r="B1400" s="8">
        <v>-6.8662002173813796E-2</v>
      </c>
      <c r="C1400" s="8">
        <v>4.3571872635009203</v>
      </c>
      <c r="D1400" s="8">
        <v>-1.2687575297418101</v>
      </c>
      <c r="E1400" s="26">
        <v>0.21822082611586399</v>
      </c>
      <c r="F1400" s="8">
        <v>0.26304875927083399</v>
      </c>
      <c r="G1400" s="8">
        <v>-7.6281548030600801</v>
      </c>
      <c r="H1400" s="8">
        <v>128308</v>
      </c>
      <c r="I1400" s="8" t="s">
        <v>4249</v>
      </c>
      <c r="J1400" s="11" t="s">
        <v>4250</v>
      </c>
      <c r="K1400" s="8">
        <v>1</v>
      </c>
      <c r="L1400" s="8">
        <v>228106679</v>
      </c>
      <c r="M1400" s="8">
        <v>228109312</v>
      </c>
      <c r="N1400" s="12">
        <v>-1</v>
      </c>
    </row>
    <row r="1401" spans="1:14" ht="114" x14ac:dyDescent="0.2">
      <c r="A1401" s="8" t="s">
        <v>4251</v>
      </c>
      <c r="B1401" s="8">
        <v>-6.0203870612611801E-2</v>
      </c>
      <c r="C1401" s="8">
        <v>5.1294829983748</v>
      </c>
      <c r="D1401" s="8">
        <v>-1.2681652724732</v>
      </c>
      <c r="E1401" s="26">
        <v>0.21842818320141999</v>
      </c>
      <c r="F1401" s="8">
        <v>0.26328198886009602</v>
      </c>
      <c r="G1401" s="8">
        <v>-7.8015892088617402</v>
      </c>
      <c r="H1401" s="8">
        <v>493856</v>
      </c>
      <c r="I1401" s="8" t="s">
        <v>4252</v>
      </c>
      <c r="J1401" s="11" t="s">
        <v>4253</v>
      </c>
      <c r="K1401" s="8">
        <v>4</v>
      </c>
      <c r="L1401" s="8">
        <v>102868978</v>
      </c>
      <c r="M1401" s="8">
        <v>102889242</v>
      </c>
      <c r="N1401" s="12">
        <v>1</v>
      </c>
    </row>
    <row r="1402" spans="1:14" ht="114" x14ac:dyDescent="0.2">
      <c r="A1402" s="8" t="s">
        <v>4254</v>
      </c>
      <c r="B1402" s="8">
        <v>-8.4734003334276095E-2</v>
      </c>
      <c r="C1402" s="8">
        <v>4.9177269469604701</v>
      </c>
      <c r="D1402" s="8">
        <v>-1.2672694057655101</v>
      </c>
      <c r="E1402" s="26">
        <v>0.218742126182907</v>
      </c>
      <c r="F1402" s="8">
        <v>0.26362691023580798</v>
      </c>
      <c r="G1402" s="8">
        <v>-7.7589766327660001</v>
      </c>
      <c r="H1402" s="8">
        <v>6182</v>
      </c>
      <c r="I1402" s="8" t="s">
        <v>4255</v>
      </c>
      <c r="J1402" s="11" t="s">
        <v>4256</v>
      </c>
      <c r="K1402" s="8">
        <v>17</v>
      </c>
      <c r="L1402" s="8">
        <v>81703357</v>
      </c>
      <c r="M1402" s="8">
        <v>81707526</v>
      </c>
      <c r="N1402" s="12">
        <v>1</v>
      </c>
    </row>
    <row r="1403" spans="1:14" ht="114" x14ac:dyDescent="0.2">
      <c r="A1403" s="8" t="s">
        <v>4257</v>
      </c>
      <c r="B1403" s="8">
        <v>7.2000381065746993E-2</v>
      </c>
      <c r="C1403" s="8">
        <v>4.80694638740081</v>
      </c>
      <c r="D1403" s="8">
        <v>1.2616601134304</v>
      </c>
      <c r="E1403" s="26">
        <v>0.22071571733256601</v>
      </c>
      <c r="F1403" s="8">
        <v>0.26573545031215001</v>
      </c>
      <c r="G1403" s="8">
        <v>-7.7457718304538803</v>
      </c>
      <c r="H1403" s="8">
        <v>9553</v>
      </c>
      <c r="I1403" s="8" t="s">
        <v>4258</v>
      </c>
      <c r="J1403" s="11" t="s">
        <v>4259</v>
      </c>
      <c r="K1403" s="8">
        <v>2</v>
      </c>
      <c r="L1403" s="8">
        <v>27771717</v>
      </c>
      <c r="M1403" s="8">
        <v>27988087</v>
      </c>
      <c r="N1403" s="12">
        <v>1</v>
      </c>
    </row>
    <row r="1404" spans="1:14" ht="114" x14ac:dyDescent="0.2">
      <c r="A1404" s="8" t="s">
        <v>4260</v>
      </c>
      <c r="B1404" s="8">
        <v>-5.5635315588106402E-2</v>
      </c>
      <c r="C1404" s="8">
        <v>5.2620383656857799</v>
      </c>
      <c r="D1404" s="8">
        <v>-1.2561515285098299</v>
      </c>
      <c r="E1404" s="26">
        <v>0.22266716252541999</v>
      </c>
      <c r="F1404" s="8">
        <v>0.26781465958475598</v>
      </c>
      <c r="G1404" s="8">
        <v>-7.8417793308770802</v>
      </c>
      <c r="H1404" s="8">
        <v>55596</v>
      </c>
      <c r="I1404" s="8" t="s">
        <v>4261</v>
      </c>
      <c r="J1404" s="11" t="s">
        <v>4262</v>
      </c>
      <c r="K1404" s="8">
        <v>12</v>
      </c>
      <c r="L1404" s="8">
        <v>122471600</v>
      </c>
      <c r="M1404" s="8">
        <v>122501073</v>
      </c>
      <c r="N1404" s="12">
        <v>-1</v>
      </c>
    </row>
    <row r="1405" spans="1:14" ht="71.25" x14ac:dyDescent="0.2">
      <c r="A1405" s="8" t="s">
        <v>4263</v>
      </c>
      <c r="B1405" s="8">
        <v>5.4859598361739301E-2</v>
      </c>
      <c r="C1405" s="8">
        <v>6.8102630364688599</v>
      </c>
      <c r="D1405" s="8">
        <v>1.2526041846268099</v>
      </c>
      <c r="E1405" s="26">
        <v>0.223930815921973</v>
      </c>
      <c r="F1405" s="8">
        <v>0.269230555863613</v>
      </c>
      <c r="G1405" s="8">
        <v>-8.0365639223619496</v>
      </c>
      <c r="H1405" s="8">
        <v>8895</v>
      </c>
      <c r="I1405" s="8" t="s">
        <v>4264</v>
      </c>
      <c r="J1405" s="11" t="s">
        <v>4265</v>
      </c>
      <c r="K1405" s="8">
        <v>8</v>
      </c>
      <c r="L1405" s="8">
        <v>86514427</v>
      </c>
      <c r="M1405" s="8">
        <v>86561498</v>
      </c>
      <c r="N1405" s="12">
        <v>1</v>
      </c>
    </row>
    <row r="1406" spans="1:14" ht="128.25" x14ac:dyDescent="0.2">
      <c r="A1406" s="8" t="s">
        <v>4266</v>
      </c>
      <c r="B1406" s="8">
        <v>5.1476957816952898E-2</v>
      </c>
      <c r="C1406" s="8">
        <v>7.2189585719927702</v>
      </c>
      <c r="D1406" s="8">
        <v>1.22412926765521</v>
      </c>
      <c r="E1406" s="26">
        <v>0.23427396581738499</v>
      </c>
      <c r="F1406" s="8">
        <v>0.28049318923132599</v>
      </c>
      <c r="G1406" s="8">
        <v>-8.0975722401654107</v>
      </c>
      <c r="H1406" s="8">
        <v>23076</v>
      </c>
      <c r="I1406" s="8" t="s">
        <v>4267</v>
      </c>
      <c r="J1406" s="11" t="s">
        <v>4268</v>
      </c>
      <c r="K1406" s="8">
        <v>21</v>
      </c>
      <c r="L1406" s="8">
        <v>43659548</v>
      </c>
      <c r="M1406" s="8">
        <v>43696079</v>
      </c>
      <c r="N1406" s="12">
        <v>1</v>
      </c>
    </row>
    <row r="1407" spans="1:14" ht="142.5" x14ac:dyDescent="0.2">
      <c r="A1407" s="8" t="s">
        <v>4269</v>
      </c>
      <c r="B1407" s="8">
        <v>4.5859743339509998E-2</v>
      </c>
      <c r="C1407" s="8">
        <v>7.8782923721002396</v>
      </c>
      <c r="D1407" s="8">
        <v>1.2107289525731</v>
      </c>
      <c r="E1407" s="26">
        <v>0.23926527984124801</v>
      </c>
      <c r="F1407" s="8">
        <v>0.28609017803209402</v>
      </c>
      <c r="G1407" s="8">
        <v>-8.1519726275628006</v>
      </c>
      <c r="H1407" s="8">
        <v>23367</v>
      </c>
      <c r="I1407" s="8" t="s">
        <v>4270</v>
      </c>
      <c r="J1407" s="11" t="s">
        <v>4271</v>
      </c>
      <c r="K1407" s="8">
        <v>5</v>
      </c>
      <c r="L1407" s="8">
        <v>154712902</v>
      </c>
      <c r="M1407" s="8">
        <v>154817607</v>
      </c>
      <c r="N1407" s="12">
        <v>1</v>
      </c>
    </row>
    <row r="1408" spans="1:14" ht="114" x14ac:dyDescent="0.2">
      <c r="A1408" s="8" t="s">
        <v>4272</v>
      </c>
      <c r="B1408" s="8">
        <v>6.4916917587174397E-2</v>
      </c>
      <c r="C1408" s="8">
        <v>5.3737655578331696</v>
      </c>
      <c r="D1408" s="8">
        <v>1.2083890915080799</v>
      </c>
      <c r="E1408" s="26">
        <v>0.24014501048325301</v>
      </c>
      <c r="F1408" s="8">
        <v>0.28698813687812702</v>
      </c>
      <c r="G1408" s="8">
        <v>-7.9216057385007801</v>
      </c>
      <c r="H1408" s="8">
        <v>51491</v>
      </c>
      <c r="I1408" s="8" t="s">
        <v>4273</v>
      </c>
      <c r="J1408" s="11" t="s">
        <v>4274</v>
      </c>
      <c r="K1408" s="8">
        <v>5</v>
      </c>
      <c r="L1408" s="8">
        <v>176383938</v>
      </c>
      <c r="M1408" s="8">
        <v>176388975</v>
      </c>
      <c r="N1408" s="12">
        <v>-1</v>
      </c>
    </row>
    <row r="1409" spans="1:14" ht="128.25" x14ac:dyDescent="0.2">
      <c r="A1409" s="8" t="s">
        <v>4275</v>
      </c>
      <c r="B1409" s="8">
        <v>5.87509569504183E-2</v>
      </c>
      <c r="C1409" s="8">
        <v>6.4650166051519804</v>
      </c>
      <c r="D1409" s="8">
        <v>1.1985523732399199</v>
      </c>
      <c r="E1409" s="26">
        <v>0.24387010271776799</v>
      </c>
      <c r="F1409" s="8">
        <v>0.29088139153206</v>
      </c>
      <c r="G1409" s="8">
        <v>-8.0744869800120505</v>
      </c>
      <c r="H1409" s="8">
        <v>7019</v>
      </c>
      <c r="I1409" s="8" t="s">
        <v>4276</v>
      </c>
      <c r="J1409" s="11" t="s">
        <v>4277</v>
      </c>
      <c r="K1409" s="8">
        <v>10</v>
      </c>
      <c r="L1409" s="8">
        <v>58385022</v>
      </c>
      <c r="M1409" s="8">
        <v>58399221</v>
      </c>
      <c r="N1409" s="12">
        <v>1</v>
      </c>
    </row>
    <row r="1410" spans="1:14" ht="114" x14ac:dyDescent="0.2">
      <c r="A1410" s="8" t="s">
        <v>4278</v>
      </c>
      <c r="B1410" s="8">
        <v>-7.0311806832822094E-2</v>
      </c>
      <c r="C1410" s="8">
        <v>5.0863002841817799</v>
      </c>
      <c r="D1410" s="8">
        <v>-1.18903542204068</v>
      </c>
      <c r="E1410" s="26">
        <v>0.247515334377512</v>
      </c>
      <c r="F1410" s="8">
        <v>0.29485866293044799</v>
      </c>
      <c r="G1410" s="8">
        <v>-7.8879187152407297</v>
      </c>
      <c r="H1410" s="8">
        <v>64928</v>
      </c>
      <c r="I1410" s="8" t="s">
        <v>4279</v>
      </c>
      <c r="J1410" s="11" t="s">
        <v>4280</v>
      </c>
      <c r="K1410" s="8">
        <v>6</v>
      </c>
      <c r="L1410" s="8">
        <v>44113454</v>
      </c>
      <c r="M1410" s="8">
        <v>44127457</v>
      </c>
      <c r="N1410" s="12">
        <v>-1</v>
      </c>
    </row>
    <row r="1411" spans="1:14" ht="128.25" x14ac:dyDescent="0.2">
      <c r="A1411" s="8" t="s">
        <v>4281</v>
      </c>
      <c r="B1411" s="8">
        <v>-3.5845315549625702E-2</v>
      </c>
      <c r="C1411" s="8">
        <v>8.0991195126943492</v>
      </c>
      <c r="D1411" s="8">
        <v>-1.1840885943808499</v>
      </c>
      <c r="E1411" s="26">
        <v>0.24942616842270901</v>
      </c>
      <c r="F1411" s="8">
        <v>0.296855465547679</v>
      </c>
      <c r="G1411" s="8">
        <v>-8.1950493661880994</v>
      </c>
      <c r="H1411" s="8">
        <v>22985</v>
      </c>
      <c r="I1411" s="8" t="s">
        <v>4282</v>
      </c>
      <c r="J1411" s="11" t="s">
        <v>4283</v>
      </c>
      <c r="K1411" s="8">
        <v>14</v>
      </c>
      <c r="L1411" s="8">
        <v>23058564</v>
      </c>
      <c r="M1411" s="8">
        <v>23095614</v>
      </c>
      <c r="N1411" s="12">
        <v>-1</v>
      </c>
    </row>
    <row r="1412" spans="1:14" ht="114" x14ac:dyDescent="0.2">
      <c r="A1412" s="8" t="s">
        <v>4284</v>
      </c>
      <c r="B1412" s="8">
        <v>-5.2515310316179502E-2</v>
      </c>
      <c r="C1412" s="8">
        <v>6.4446931446392499</v>
      </c>
      <c r="D1412" s="8">
        <v>-1.16843941517577</v>
      </c>
      <c r="E1412" s="26">
        <v>0.25554377007696299</v>
      </c>
      <c r="F1412" s="8">
        <v>0.30328043306757502</v>
      </c>
      <c r="G1412" s="8">
        <v>-8.1066445806290393</v>
      </c>
      <c r="H1412" s="8">
        <v>9361</v>
      </c>
      <c r="I1412" s="8" t="s">
        <v>4285</v>
      </c>
      <c r="J1412" s="11" t="s">
        <v>4286</v>
      </c>
      <c r="K1412" s="8">
        <v>19</v>
      </c>
      <c r="L1412" s="8">
        <v>5691834</v>
      </c>
      <c r="M1412" s="8">
        <v>5720572</v>
      </c>
      <c r="N1412" s="12">
        <v>-1</v>
      </c>
    </row>
    <row r="1413" spans="1:14" ht="128.25" x14ac:dyDescent="0.2">
      <c r="A1413" s="8" t="s">
        <v>4287</v>
      </c>
      <c r="B1413" s="8">
        <v>4.5472254446241998E-2</v>
      </c>
      <c r="C1413" s="8">
        <v>7.7913723270587001</v>
      </c>
      <c r="D1413" s="8">
        <v>1.1654139377033299</v>
      </c>
      <c r="E1413" s="26">
        <v>0.25673928340305002</v>
      </c>
      <c r="F1413" s="8">
        <v>0.304546904684316</v>
      </c>
      <c r="G1413" s="8">
        <v>-8.1999214849558406</v>
      </c>
      <c r="H1413" s="8">
        <v>8683</v>
      </c>
      <c r="I1413" s="8" t="s">
        <v>4288</v>
      </c>
      <c r="J1413" s="11" t="s">
        <v>4289</v>
      </c>
      <c r="K1413" s="8">
        <v>12</v>
      </c>
      <c r="L1413" s="8">
        <v>120461668</v>
      </c>
      <c r="M1413" s="8">
        <v>120469793</v>
      </c>
      <c r="N1413" s="12">
        <v>-1</v>
      </c>
    </row>
    <row r="1414" spans="1:14" ht="99.75" x14ac:dyDescent="0.2">
      <c r="A1414" s="8" t="s">
        <v>4290</v>
      </c>
      <c r="B1414" s="8">
        <v>-7.3963052058144504E-2</v>
      </c>
      <c r="C1414" s="8">
        <v>5.0034365483642897</v>
      </c>
      <c r="D1414" s="8">
        <v>-1.16497995655894</v>
      </c>
      <c r="E1414" s="26">
        <v>0.256911111166509</v>
      </c>
      <c r="F1414" s="8">
        <v>0.30473168051796001</v>
      </c>
      <c r="G1414" s="8">
        <v>-7.8987530644798403</v>
      </c>
      <c r="H1414" s="8">
        <v>90850</v>
      </c>
      <c r="I1414" s="8" t="s">
        <v>4291</v>
      </c>
      <c r="J1414" s="11" t="s">
        <v>4292</v>
      </c>
      <c r="K1414" s="8">
        <v>16</v>
      </c>
      <c r="L1414" s="8">
        <v>1997654</v>
      </c>
      <c r="M1414" s="8">
        <v>2009823</v>
      </c>
      <c r="N1414" s="12">
        <v>-1</v>
      </c>
    </row>
    <row r="1415" spans="1:14" ht="114" x14ac:dyDescent="0.2">
      <c r="A1415" s="8" t="s">
        <v>4293</v>
      </c>
      <c r="B1415" s="8">
        <v>-6.1636930311515001E-2</v>
      </c>
      <c r="C1415" s="8">
        <v>5.2915304960228697</v>
      </c>
      <c r="D1415" s="8">
        <v>-1.1618858052476899</v>
      </c>
      <c r="E1415" s="26">
        <v>0.25813866940541702</v>
      </c>
      <c r="F1415" s="8">
        <v>0.30601558778776899</v>
      </c>
      <c r="G1415" s="8">
        <v>-7.9585643993878898</v>
      </c>
      <c r="H1415" s="8">
        <v>65008</v>
      </c>
      <c r="I1415" s="8" t="s">
        <v>4294</v>
      </c>
      <c r="J1415" s="11" t="s">
        <v>4295</v>
      </c>
      <c r="K1415" s="8">
        <v>4</v>
      </c>
      <c r="L1415" s="8">
        <v>77862520</v>
      </c>
      <c r="M1415" s="8">
        <v>77952790</v>
      </c>
      <c r="N1415" s="12">
        <v>1</v>
      </c>
    </row>
    <row r="1416" spans="1:14" ht="114" x14ac:dyDescent="0.2">
      <c r="A1416" s="8" t="s">
        <v>4296</v>
      </c>
      <c r="B1416" s="8">
        <v>4.6736239944419999E-2</v>
      </c>
      <c r="C1416" s="8">
        <v>5.8354028017391899</v>
      </c>
      <c r="D1416" s="8">
        <v>1.1579838224850401</v>
      </c>
      <c r="E1416" s="26">
        <v>0.25969292890050999</v>
      </c>
      <c r="F1416" s="8">
        <v>0.30770434014391701</v>
      </c>
      <c r="G1416" s="8">
        <v>-8.0517942266067397</v>
      </c>
      <c r="H1416" s="8" t="s">
        <v>4297</v>
      </c>
      <c r="I1416" s="8" t="s">
        <v>4298</v>
      </c>
      <c r="J1416" s="11" t="s">
        <v>4299</v>
      </c>
      <c r="K1416" s="8">
        <v>5</v>
      </c>
      <c r="L1416" s="8">
        <v>140647058</v>
      </c>
      <c r="M1416" s="8">
        <v>140662479</v>
      </c>
      <c r="N1416" s="12">
        <v>1</v>
      </c>
    </row>
    <row r="1417" spans="1:14" ht="128.25" x14ac:dyDescent="0.2">
      <c r="A1417" s="8" t="s">
        <v>4300</v>
      </c>
      <c r="B1417" s="8">
        <v>0.13901035213890101</v>
      </c>
      <c r="C1417" s="8">
        <v>1.7207342426235701</v>
      </c>
      <c r="D1417" s="8">
        <v>1.1568424998224101</v>
      </c>
      <c r="E1417" s="26">
        <v>0.26014885685868799</v>
      </c>
      <c r="F1417" s="8">
        <v>0.308186831675343</v>
      </c>
      <c r="G1417" s="8">
        <v>-7.0294509730970596</v>
      </c>
      <c r="H1417" s="8" t="s">
        <v>3638</v>
      </c>
      <c r="I1417" s="8" t="s">
        <v>4301</v>
      </c>
      <c r="J1417" s="11" t="s">
        <v>4302</v>
      </c>
      <c r="K1417" s="8">
        <v>5</v>
      </c>
      <c r="L1417" s="8">
        <v>70049612</v>
      </c>
      <c r="M1417" s="8">
        <v>70078522</v>
      </c>
      <c r="N1417" s="12">
        <v>1</v>
      </c>
    </row>
    <row r="1418" spans="1:14" ht="99.75" x14ac:dyDescent="0.2">
      <c r="A1418" s="8" t="s">
        <v>4303</v>
      </c>
      <c r="B1418" s="8">
        <v>-4.18818652080368E-2</v>
      </c>
      <c r="C1418" s="8">
        <v>9.6931604105408304</v>
      </c>
      <c r="D1418" s="8">
        <v>-1.1273235179283601</v>
      </c>
      <c r="E1418" s="26">
        <v>0.27214775121920498</v>
      </c>
      <c r="F1418" s="8">
        <v>0.32143821963570401</v>
      </c>
      <c r="G1418" s="8">
        <v>-8.3320630347733093</v>
      </c>
      <c r="H1418" s="8">
        <v>3837</v>
      </c>
      <c r="I1418" s="8" t="s">
        <v>4304</v>
      </c>
      <c r="J1418" s="11" t="s">
        <v>4305</v>
      </c>
      <c r="K1418" s="8">
        <v>17</v>
      </c>
      <c r="L1418" s="8">
        <v>47649476</v>
      </c>
      <c r="M1418" s="8">
        <v>47685505</v>
      </c>
      <c r="N1418" s="12">
        <v>1</v>
      </c>
    </row>
    <row r="1419" spans="1:14" ht="114" x14ac:dyDescent="0.2">
      <c r="A1419" s="8" t="s">
        <v>4306</v>
      </c>
      <c r="B1419" s="8">
        <v>-5.9257351231249103E-2</v>
      </c>
      <c r="C1419" s="8">
        <v>8.5103007945176294</v>
      </c>
      <c r="D1419" s="8">
        <v>-1.1221631518395001</v>
      </c>
      <c r="E1419" s="26">
        <v>0.274286411827323</v>
      </c>
      <c r="F1419" s="8">
        <v>0.32374258223952701</v>
      </c>
      <c r="G1419" s="8">
        <v>-8.2870068136531803</v>
      </c>
      <c r="H1419" s="8" t="s">
        <v>4307</v>
      </c>
      <c r="I1419" s="8" t="s">
        <v>4308</v>
      </c>
      <c r="J1419" s="11" t="s">
        <v>4309</v>
      </c>
      <c r="K1419" s="8">
        <v>19</v>
      </c>
      <c r="L1419" s="8">
        <v>797075</v>
      </c>
      <c r="M1419" s="8">
        <v>812327</v>
      </c>
      <c r="N1419" s="12">
        <v>1</v>
      </c>
    </row>
    <row r="1420" spans="1:14" ht="114" x14ac:dyDescent="0.2">
      <c r="A1420" s="8" t="s">
        <v>4310</v>
      </c>
      <c r="B1420" s="8">
        <v>6.74572813359271E-2</v>
      </c>
      <c r="C1420" s="8">
        <v>7.7485700873612702</v>
      </c>
      <c r="D1420" s="8">
        <v>1.1162847057935401</v>
      </c>
      <c r="E1420" s="26">
        <v>0.27673763311916499</v>
      </c>
      <c r="F1420" s="8">
        <v>0.32635160723977003</v>
      </c>
      <c r="G1420" s="8">
        <v>-8.2529095324546091</v>
      </c>
      <c r="H1420" s="8">
        <v>6059</v>
      </c>
      <c r="I1420" s="8" t="s">
        <v>4311</v>
      </c>
      <c r="J1420" s="11" t="s">
        <v>4312</v>
      </c>
      <c r="K1420" s="8">
        <v>4</v>
      </c>
      <c r="L1420" s="8">
        <v>145097932</v>
      </c>
      <c r="M1420" s="8">
        <v>145129179</v>
      </c>
      <c r="N1420" s="12">
        <v>1</v>
      </c>
    </row>
    <row r="1421" spans="1:14" ht="128.25" x14ac:dyDescent="0.2">
      <c r="A1421" s="8" t="s">
        <v>4313</v>
      </c>
      <c r="B1421" s="8">
        <v>0.126997161001907</v>
      </c>
      <c r="C1421" s="8">
        <v>1.9292290411928401</v>
      </c>
      <c r="D1421" s="8">
        <v>1.1159117009082899</v>
      </c>
      <c r="E1421" s="26">
        <v>0.276893708616959</v>
      </c>
      <c r="F1421" s="8">
        <v>0.32647480015060698</v>
      </c>
      <c r="G1421" s="8">
        <v>-7.1362112446084502</v>
      </c>
      <c r="H1421" s="8" t="s">
        <v>4314</v>
      </c>
      <c r="I1421" s="8" t="s">
        <v>4315</v>
      </c>
      <c r="J1421" s="11" t="s">
        <v>4316</v>
      </c>
      <c r="K1421" s="8">
        <v>16</v>
      </c>
      <c r="L1421" s="8">
        <v>28688558</v>
      </c>
      <c r="M1421" s="8">
        <v>28735730</v>
      </c>
      <c r="N1421" s="12">
        <v>1</v>
      </c>
    </row>
    <row r="1422" spans="1:14" ht="99.75" x14ac:dyDescent="0.2">
      <c r="A1422" s="8" t="s">
        <v>4317</v>
      </c>
      <c r="B1422" s="8">
        <v>-7.0378952369809497E-2</v>
      </c>
      <c r="C1422" s="8">
        <v>5.0778563447357303</v>
      </c>
      <c r="D1422" s="8">
        <v>-1.1124070198932401</v>
      </c>
      <c r="E1422" s="26">
        <v>0.278363303410263</v>
      </c>
      <c r="F1422" s="8">
        <v>0.32797433070304099</v>
      </c>
      <c r="G1422" s="8">
        <v>-7.9730737491110899</v>
      </c>
      <c r="H1422" s="8">
        <v>5430</v>
      </c>
      <c r="I1422" s="8" t="s">
        <v>4318</v>
      </c>
      <c r="J1422" s="11" t="s">
        <v>4319</v>
      </c>
      <c r="K1422" s="8">
        <v>17</v>
      </c>
      <c r="L1422" s="8">
        <v>7484366</v>
      </c>
      <c r="M1422" s="8">
        <v>7514616</v>
      </c>
      <c r="N1422" s="12">
        <v>1</v>
      </c>
    </row>
    <row r="1423" spans="1:14" ht="128.25" x14ac:dyDescent="0.2">
      <c r="A1423" s="8" t="s">
        <v>4320</v>
      </c>
      <c r="B1423" s="8">
        <v>-6.6947854383791097E-2</v>
      </c>
      <c r="C1423" s="8">
        <v>4.0405827667550103</v>
      </c>
      <c r="D1423" s="8">
        <v>-1.1082631477304901</v>
      </c>
      <c r="E1423" s="26">
        <v>0.28010825481479301</v>
      </c>
      <c r="F1423" s="8">
        <v>0.32979366866983101</v>
      </c>
      <c r="G1423" s="8">
        <v>-7.7347724256961898</v>
      </c>
      <c r="H1423" s="8">
        <v>83638</v>
      </c>
      <c r="I1423" s="8" t="s">
        <v>4321</v>
      </c>
      <c r="J1423" s="11" t="s">
        <v>4322</v>
      </c>
      <c r="K1423" s="8">
        <v>11</v>
      </c>
      <c r="L1423" s="8">
        <v>65916808</v>
      </c>
      <c r="M1423" s="8">
        <v>65919117</v>
      </c>
      <c r="N1423" s="12">
        <v>-1</v>
      </c>
    </row>
    <row r="1424" spans="1:14" ht="114" x14ac:dyDescent="0.2">
      <c r="A1424" s="8" t="s">
        <v>4323</v>
      </c>
      <c r="B1424" s="8">
        <v>-5.4405812161704099E-2</v>
      </c>
      <c r="C1424" s="8">
        <v>5.7445071412434103</v>
      </c>
      <c r="D1424" s="8">
        <v>-1.1071478899587199</v>
      </c>
      <c r="E1424" s="26">
        <v>0.28057923835710102</v>
      </c>
      <c r="F1424" s="8">
        <v>0.33030720882771097</v>
      </c>
      <c r="G1424" s="8">
        <v>-8.0943223100046193</v>
      </c>
      <c r="H1424" s="8">
        <v>55133</v>
      </c>
      <c r="I1424" s="8" t="s">
        <v>4324</v>
      </c>
      <c r="J1424" s="11" t="s">
        <v>4325</v>
      </c>
      <c r="K1424" s="8">
        <v>2</v>
      </c>
      <c r="L1424" s="8">
        <v>45388680</v>
      </c>
      <c r="M1424" s="8">
        <v>45612165</v>
      </c>
      <c r="N1424" s="12">
        <v>-1</v>
      </c>
    </row>
    <row r="1425" spans="1:14" ht="128.25" x14ac:dyDescent="0.2">
      <c r="A1425" s="8" t="s">
        <v>4326</v>
      </c>
      <c r="B1425" s="8">
        <v>5.4487276437263303E-2</v>
      </c>
      <c r="C1425" s="8">
        <v>5.0619424468493603</v>
      </c>
      <c r="D1425" s="8">
        <v>1.1008048346323001</v>
      </c>
      <c r="E1425" s="26">
        <v>0.28326892962760503</v>
      </c>
      <c r="F1425" s="8">
        <v>0.33308101354130099</v>
      </c>
      <c r="G1425" s="8">
        <v>-7.9852686862327102</v>
      </c>
      <c r="H1425" s="8">
        <v>11044</v>
      </c>
      <c r="I1425" s="8" t="s">
        <v>4327</v>
      </c>
      <c r="J1425" s="11" t="s">
        <v>4328</v>
      </c>
      <c r="K1425" s="8">
        <v>5</v>
      </c>
      <c r="L1425" s="8">
        <v>6713007</v>
      </c>
      <c r="M1425" s="8">
        <v>6757048</v>
      </c>
      <c r="N1425" s="12">
        <v>1</v>
      </c>
    </row>
    <row r="1426" spans="1:14" ht="114" x14ac:dyDescent="0.2">
      <c r="A1426" s="8" t="s">
        <v>4329</v>
      </c>
      <c r="B1426" s="8">
        <v>-4.4752973894502703E-2</v>
      </c>
      <c r="C1426" s="8">
        <v>6.5790500787244897</v>
      </c>
      <c r="D1426" s="8">
        <v>-1.09585642432274</v>
      </c>
      <c r="E1426" s="26">
        <v>0.28538020060389102</v>
      </c>
      <c r="F1426" s="8">
        <v>0.33527270889989702</v>
      </c>
      <c r="G1426" s="8">
        <v>-8.1993049433073804</v>
      </c>
      <c r="H1426" s="8">
        <v>10713</v>
      </c>
      <c r="I1426" s="8" t="s">
        <v>4330</v>
      </c>
      <c r="J1426" s="11" t="s">
        <v>4331</v>
      </c>
      <c r="K1426" s="8">
        <v>2</v>
      </c>
      <c r="L1426" s="8">
        <v>85602856</v>
      </c>
      <c r="M1426" s="8">
        <v>85649282</v>
      </c>
      <c r="N1426" s="12">
        <v>1</v>
      </c>
    </row>
    <row r="1427" spans="1:14" ht="142.5" x14ac:dyDescent="0.2">
      <c r="A1427" s="8" t="s">
        <v>4332</v>
      </c>
      <c r="B1427" s="8">
        <v>-6.7582310618727007E-2</v>
      </c>
      <c r="C1427" s="8">
        <v>4.1630725261905397</v>
      </c>
      <c r="D1427" s="8">
        <v>-1.0932154986723399</v>
      </c>
      <c r="E1427" s="26">
        <v>0.28651162370537903</v>
      </c>
      <c r="F1427" s="8">
        <v>0.33641449591987199</v>
      </c>
      <c r="G1427" s="8">
        <v>-7.7828644629166801</v>
      </c>
      <c r="H1427" s="8">
        <v>10523</v>
      </c>
      <c r="I1427" s="8" t="s">
        <v>4333</v>
      </c>
      <c r="J1427" s="11" t="s">
        <v>4334</v>
      </c>
      <c r="K1427" s="8">
        <v>19</v>
      </c>
      <c r="L1427" s="8">
        <v>16517889</v>
      </c>
      <c r="M1427" s="8">
        <v>16542530</v>
      </c>
      <c r="N1427" s="12">
        <v>-1</v>
      </c>
    </row>
    <row r="1428" spans="1:14" ht="99.75" x14ac:dyDescent="0.2">
      <c r="A1428" s="8" t="s">
        <v>4335</v>
      </c>
      <c r="B1428" s="8">
        <v>5.0452124065229101E-2</v>
      </c>
      <c r="C1428" s="8">
        <v>5.8237247530019296</v>
      </c>
      <c r="D1428" s="8">
        <v>1.09093884439908</v>
      </c>
      <c r="E1428" s="26">
        <v>0.28748958862992102</v>
      </c>
      <c r="F1428" s="8">
        <v>0.33742651201936502</v>
      </c>
      <c r="G1428" s="8">
        <v>-8.1247631922818204</v>
      </c>
      <c r="H1428" s="8">
        <v>55759</v>
      </c>
      <c r="I1428" s="8" t="s">
        <v>4336</v>
      </c>
      <c r="J1428" s="11" t="s">
        <v>4337</v>
      </c>
      <c r="K1428" s="8">
        <v>2</v>
      </c>
      <c r="L1428" s="8">
        <v>202874782</v>
      </c>
      <c r="M1428" s="8">
        <v>203014798</v>
      </c>
      <c r="N1428" s="12">
        <v>-1</v>
      </c>
    </row>
    <row r="1429" spans="1:14" ht="99.75" x14ac:dyDescent="0.2">
      <c r="A1429" s="8" t="s">
        <v>4338</v>
      </c>
      <c r="B1429" s="8">
        <v>-4.5563801149797599E-2</v>
      </c>
      <c r="C1429" s="8">
        <v>6.4679415613737401</v>
      </c>
      <c r="D1429" s="8">
        <v>-1.0794653069192801</v>
      </c>
      <c r="E1429" s="26">
        <v>0.29245491568197102</v>
      </c>
      <c r="F1429" s="8">
        <v>0.34258746511708399</v>
      </c>
      <c r="G1429" s="8">
        <v>-8.2075799298979408</v>
      </c>
      <c r="H1429" s="8">
        <v>1615</v>
      </c>
      <c r="I1429" s="8" t="s">
        <v>4339</v>
      </c>
      <c r="J1429" s="11" t="s">
        <v>4340</v>
      </c>
      <c r="K1429" s="8">
        <v>2</v>
      </c>
      <c r="L1429" s="8">
        <v>135906677</v>
      </c>
      <c r="M1429" s="8">
        <v>135986100</v>
      </c>
      <c r="N1429" s="12">
        <v>-1</v>
      </c>
    </row>
    <row r="1430" spans="1:14" ht="114" x14ac:dyDescent="0.2">
      <c r="A1430" s="8" t="s">
        <v>4341</v>
      </c>
      <c r="B1430" s="8">
        <v>-0.14550637938987801</v>
      </c>
      <c r="C1430" s="8">
        <v>0.80096000248777499</v>
      </c>
      <c r="D1430" s="8">
        <v>-1.07085758278804</v>
      </c>
      <c r="E1430" s="26">
        <v>0.29622033893493599</v>
      </c>
      <c r="F1430" s="8">
        <v>0.346570491490029</v>
      </c>
      <c r="G1430" s="8">
        <v>-6.8535665054881996</v>
      </c>
      <c r="H1430" s="8">
        <v>90353</v>
      </c>
      <c r="I1430" s="8" t="s">
        <v>4342</v>
      </c>
      <c r="J1430" s="11" t="s">
        <v>4343</v>
      </c>
      <c r="K1430" s="8">
        <v>19</v>
      </c>
      <c r="L1430" s="8">
        <v>51097606</v>
      </c>
      <c r="M1430" s="8">
        <v>51108370</v>
      </c>
      <c r="N1430" s="12">
        <v>-1</v>
      </c>
    </row>
    <row r="1431" spans="1:14" ht="128.25" x14ac:dyDescent="0.2">
      <c r="A1431" s="8" t="s">
        <v>4344</v>
      </c>
      <c r="B1431" s="8">
        <v>5.2324412734956E-2</v>
      </c>
      <c r="C1431" s="8">
        <v>8.6239314921926606</v>
      </c>
      <c r="D1431" s="8">
        <v>1.0677469201903</v>
      </c>
      <c r="E1431" s="26">
        <v>0.29758960642530102</v>
      </c>
      <c r="F1431" s="8">
        <v>0.34795797665637301</v>
      </c>
      <c r="G1431" s="8">
        <v>-8.3522514840074908</v>
      </c>
      <c r="H1431" s="8">
        <v>3313</v>
      </c>
      <c r="I1431" s="8" t="s">
        <v>4345</v>
      </c>
      <c r="J1431" s="11" t="s">
        <v>4346</v>
      </c>
      <c r="K1431" s="8">
        <v>5</v>
      </c>
      <c r="L1431" s="8">
        <v>138554882</v>
      </c>
      <c r="M1431" s="8">
        <v>138575444</v>
      </c>
      <c r="N1431" s="12">
        <v>-1</v>
      </c>
    </row>
    <row r="1432" spans="1:14" ht="114" x14ac:dyDescent="0.2">
      <c r="A1432" s="8" t="s">
        <v>4347</v>
      </c>
      <c r="B1432" s="8">
        <v>-8.0077414385273799E-2</v>
      </c>
      <c r="C1432" s="8">
        <v>5.8380729272753298</v>
      </c>
      <c r="D1432" s="8">
        <v>-1.06456350795891</v>
      </c>
      <c r="E1432" s="26">
        <v>0.29899558424913802</v>
      </c>
      <c r="F1432" s="8">
        <v>0.34932212043932098</v>
      </c>
      <c r="G1432" s="8">
        <v>-8.1528168600621207</v>
      </c>
      <c r="H1432" s="8" t="s">
        <v>4348</v>
      </c>
      <c r="I1432" s="8" t="s">
        <v>4349</v>
      </c>
      <c r="J1432" s="11" t="s">
        <v>4350</v>
      </c>
      <c r="K1432" s="8">
        <v>1</v>
      </c>
      <c r="L1432" s="8">
        <v>43164175</v>
      </c>
      <c r="M1432" s="8">
        <v>43270936</v>
      </c>
      <c r="N1432" s="12">
        <v>-1</v>
      </c>
    </row>
    <row r="1433" spans="1:14" ht="114" x14ac:dyDescent="0.2">
      <c r="A1433" s="8" t="s">
        <v>4351</v>
      </c>
      <c r="B1433" s="8">
        <v>-4.8698896595655398E-2</v>
      </c>
      <c r="C1433" s="8">
        <v>5.9807646360120197</v>
      </c>
      <c r="D1433" s="8">
        <v>-1.05978007797131</v>
      </c>
      <c r="E1433" s="26">
        <v>0.30111714351872998</v>
      </c>
      <c r="F1433" s="8">
        <v>0.35149781832779298</v>
      </c>
      <c r="G1433" s="8">
        <v>-8.1769517664206504</v>
      </c>
      <c r="H1433" s="8">
        <v>51318</v>
      </c>
      <c r="I1433" s="8" t="s">
        <v>4352</v>
      </c>
      <c r="J1433" s="11" t="s">
        <v>4353</v>
      </c>
      <c r="K1433" s="8">
        <v>2</v>
      </c>
      <c r="L1433" s="8">
        <v>86199355</v>
      </c>
      <c r="M1433" s="8">
        <v>86213794</v>
      </c>
      <c r="N1433" s="12">
        <v>1</v>
      </c>
    </row>
    <row r="1434" spans="1:14" ht="114" x14ac:dyDescent="0.2">
      <c r="A1434" s="8" t="s">
        <v>4354</v>
      </c>
      <c r="B1434" s="8">
        <v>-4.8812255278789997E-2</v>
      </c>
      <c r="C1434" s="8">
        <v>7.4974413533967299</v>
      </c>
      <c r="D1434" s="8">
        <v>-1.05926156801851</v>
      </c>
      <c r="E1434" s="26">
        <v>0.301347758372908</v>
      </c>
      <c r="F1434" s="8">
        <v>0.35174538139025002</v>
      </c>
      <c r="G1434" s="8">
        <v>-8.29928410001882</v>
      </c>
      <c r="H1434" s="8">
        <v>6732</v>
      </c>
      <c r="I1434" s="8" t="s">
        <v>4355</v>
      </c>
      <c r="J1434" s="11" t="s">
        <v>4356</v>
      </c>
      <c r="K1434" s="8">
        <v>6</v>
      </c>
      <c r="L1434" s="8">
        <v>35832966</v>
      </c>
      <c r="M1434" s="8">
        <v>35921342</v>
      </c>
      <c r="N1434" s="12">
        <v>-1</v>
      </c>
    </row>
    <row r="1435" spans="1:14" ht="185.25" x14ac:dyDescent="0.2">
      <c r="A1435" s="8" t="s">
        <v>4357</v>
      </c>
      <c r="B1435" s="8">
        <v>3.75190381444215E-2</v>
      </c>
      <c r="C1435" s="8">
        <v>7.0257922917584601</v>
      </c>
      <c r="D1435" s="8">
        <v>1.0583038046876201</v>
      </c>
      <c r="E1435" s="26">
        <v>0.30177406891702002</v>
      </c>
      <c r="F1435" s="8">
        <v>0.35219966210567599</v>
      </c>
      <c r="G1435" s="8">
        <v>-8.2719642494131396</v>
      </c>
      <c r="H1435" s="8">
        <v>23049</v>
      </c>
      <c r="I1435" s="8" t="s">
        <v>4358</v>
      </c>
      <c r="J1435" s="11" t="s">
        <v>4359</v>
      </c>
      <c r="K1435" s="8">
        <v>16</v>
      </c>
      <c r="L1435" s="8">
        <v>18804853</v>
      </c>
      <c r="M1435" s="8">
        <v>18926454</v>
      </c>
      <c r="N1435" s="12">
        <v>-1</v>
      </c>
    </row>
    <row r="1436" spans="1:14" ht="85.5" x14ac:dyDescent="0.2">
      <c r="A1436" s="8" t="s">
        <v>4360</v>
      </c>
      <c r="B1436" s="8">
        <v>-4.2828717755455999E-2</v>
      </c>
      <c r="C1436" s="8">
        <v>6.8162392443529596</v>
      </c>
      <c r="D1436" s="8">
        <v>-1.02893758927632</v>
      </c>
      <c r="E1436" s="26">
        <v>0.31505437626625299</v>
      </c>
      <c r="F1436" s="8">
        <v>0.36610047752156599</v>
      </c>
      <c r="G1436" s="8">
        <v>-8.2878618881839792</v>
      </c>
      <c r="H1436" s="8">
        <v>5586</v>
      </c>
      <c r="I1436" s="8" t="s">
        <v>4361</v>
      </c>
      <c r="J1436" s="11" t="s">
        <v>4362</v>
      </c>
      <c r="K1436" s="8">
        <v>1</v>
      </c>
      <c r="L1436" s="8">
        <v>88684222</v>
      </c>
      <c r="M1436" s="8">
        <v>88836255</v>
      </c>
      <c r="N1436" s="12">
        <v>1</v>
      </c>
    </row>
    <row r="1437" spans="1:14" ht="114" x14ac:dyDescent="0.2">
      <c r="A1437" s="8" t="s">
        <v>4363</v>
      </c>
      <c r="B1437" s="8">
        <v>5.49636547417061E-2</v>
      </c>
      <c r="C1437" s="8">
        <v>5.7180525988214796</v>
      </c>
      <c r="D1437" s="8">
        <v>1.02508303424986</v>
      </c>
      <c r="E1437" s="26">
        <v>0.31682765147097502</v>
      </c>
      <c r="F1437" s="8">
        <v>0.36793576537327599</v>
      </c>
      <c r="G1437" s="8">
        <v>-8.1790956247230309</v>
      </c>
      <c r="H1437" s="8">
        <v>9667</v>
      </c>
      <c r="I1437" s="8" t="s">
        <v>4364</v>
      </c>
      <c r="J1437" s="11" t="s">
        <v>4365</v>
      </c>
      <c r="K1437" s="8">
        <v>19</v>
      </c>
      <c r="L1437" s="8">
        <v>5586999</v>
      </c>
      <c r="M1437" s="8">
        <v>5624046</v>
      </c>
      <c r="N1437" s="12">
        <v>-1</v>
      </c>
    </row>
    <row r="1438" spans="1:14" ht="114" x14ac:dyDescent="0.2">
      <c r="A1438" s="8" t="s">
        <v>4366</v>
      </c>
      <c r="B1438" s="8">
        <v>6.1260022688603803E-2</v>
      </c>
      <c r="C1438" s="8">
        <v>4.3068754336584396</v>
      </c>
      <c r="D1438" s="8">
        <v>1.0168496506384801</v>
      </c>
      <c r="E1438" s="26">
        <v>0.32063885685973598</v>
      </c>
      <c r="F1438" s="8">
        <v>0.37192931458601602</v>
      </c>
      <c r="G1438" s="8">
        <v>-7.9027754834860797</v>
      </c>
      <c r="H1438" s="8">
        <v>116540</v>
      </c>
      <c r="I1438" s="8" t="s">
        <v>4367</v>
      </c>
      <c r="J1438" s="11" t="s">
        <v>4368</v>
      </c>
      <c r="K1438" s="8">
        <v>2</v>
      </c>
      <c r="L1438" s="8">
        <v>74471958</v>
      </c>
      <c r="M1438" s="8">
        <v>74473322</v>
      </c>
      <c r="N1438" s="12">
        <v>-1</v>
      </c>
    </row>
    <row r="1439" spans="1:14" ht="114" x14ac:dyDescent="0.2">
      <c r="A1439" s="8" t="s">
        <v>4369</v>
      </c>
      <c r="B1439" s="8">
        <v>5.8013097801120801E-2</v>
      </c>
      <c r="C1439" s="8">
        <v>6.3515477921393799</v>
      </c>
      <c r="D1439" s="8">
        <v>1.01533953243034</v>
      </c>
      <c r="E1439" s="26">
        <v>0.32134135658675</v>
      </c>
      <c r="F1439" s="8">
        <v>0.37260753537496899</v>
      </c>
      <c r="G1439" s="8">
        <v>-8.2647536277168392</v>
      </c>
      <c r="H1439" s="8">
        <v>57661</v>
      </c>
      <c r="I1439" s="8" t="s">
        <v>4370</v>
      </c>
      <c r="J1439" s="11" t="s">
        <v>4371</v>
      </c>
      <c r="K1439" s="8">
        <v>11</v>
      </c>
      <c r="L1439" s="8">
        <v>576486</v>
      </c>
      <c r="M1439" s="8">
        <v>612222</v>
      </c>
      <c r="N1439" s="12">
        <v>1</v>
      </c>
    </row>
    <row r="1440" spans="1:14" ht="114" x14ac:dyDescent="0.2">
      <c r="A1440" s="8" t="s">
        <v>4372</v>
      </c>
      <c r="B1440" s="8">
        <v>-4.4384840163630201E-2</v>
      </c>
      <c r="C1440" s="8">
        <v>7.7471583493862699</v>
      </c>
      <c r="D1440" s="8">
        <v>-0.99451689316882996</v>
      </c>
      <c r="E1440" s="26">
        <v>0.331137781063292</v>
      </c>
      <c r="F1440" s="8">
        <v>0.38303070042899501</v>
      </c>
      <c r="G1440" s="8">
        <v>-8.3800299945039907</v>
      </c>
      <c r="H1440" s="8">
        <v>10728</v>
      </c>
      <c r="I1440" s="8" t="s">
        <v>4373</v>
      </c>
      <c r="J1440" s="11" t="s">
        <v>4374</v>
      </c>
      <c r="K1440" s="8">
        <v>12</v>
      </c>
      <c r="L1440" s="8">
        <v>56663341</v>
      </c>
      <c r="M1440" s="8">
        <v>56688408</v>
      </c>
      <c r="N1440" s="12">
        <v>-1</v>
      </c>
    </row>
    <row r="1441" spans="1:14" ht="142.5" x14ac:dyDescent="0.2">
      <c r="A1441" s="8" t="s">
        <v>4375</v>
      </c>
      <c r="B1441" s="8">
        <v>4.9458795099476503E-2</v>
      </c>
      <c r="C1441" s="8">
        <v>5.3960309832581004</v>
      </c>
      <c r="D1441" s="8">
        <v>0.99219554073634098</v>
      </c>
      <c r="E1441" s="26">
        <v>0.33224260696136199</v>
      </c>
      <c r="F1441" s="8">
        <v>0.38419157591285003</v>
      </c>
      <c r="G1441" s="8">
        <v>-8.1607154171901399</v>
      </c>
      <c r="H1441" s="8">
        <v>10283</v>
      </c>
      <c r="I1441" s="8" t="s">
        <v>4376</v>
      </c>
      <c r="J1441" s="11" t="s">
        <v>4377</v>
      </c>
      <c r="K1441" s="8">
        <v>5</v>
      </c>
      <c r="L1441" s="8">
        <v>64768930</v>
      </c>
      <c r="M1441" s="8">
        <v>65018763</v>
      </c>
      <c r="N1441" s="12">
        <v>1</v>
      </c>
    </row>
    <row r="1442" spans="1:14" ht="114" x14ac:dyDescent="0.2">
      <c r="A1442" s="8" t="s">
        <v>4378</v>
      </c>
      <c r="B1442" s="8">
        <v>5.2976600901516201E-2</v>
      </c>
      <c r="C1442" s="8">
        <v>4.63431135727377</v>
      </c>
      <c r="D1442" s="8">
        <v>0.98846132415278098</v>
      </c>
      <c r="E1442" s="26">
        <v>0.33402522153477698</v>
      </c>
      <c r="F1442" s="8">
        <v>0.38592369126730403</v>
      </c>
      <c r="G1442" s="8">
        <v>-8.0099889544617504</v>
      </c>
      <c r="H1442" s="8">
        <v>219927</v>
      </c>
      <c r="I1442" s="8" t="s">
        <v>4379</v>
      </c>
      <c r="J1442" s="11" t="s">
        <v>4380</v>
      </c>
      <c r="K1442" s="8">
        <v>11</v>
      </c>
      <c r="L1442" s="8">
        <v>68891276</v>
      </c>
      <c r="M1442" s="8">
        <v>68903835</v>
      </c>
      <c r="N1442" s="12">
        <v>-1</v>
      </c>
    </row>
    <row r="1443" spans="1:14" ht="156.75" x14ac:dyDescent="0.2">
      <c r="A1443" s="8" t="s">
        <v>4381</v>
      </c>
      <c r="B1443" s="8">
        <v>9.5744792232534098E-2</v>
      </c>
      <c r="C1443" s="8">
        <v>2.8728715805853402</v>
      </c>
      <c r="D1443" s="8">
        <v>0.98384629911740995</v>
      </c>
      <c r="E1443" s="26">
        <v>0.33623742767187897</v>
      </c>
      <c r="F1443" s="8">
        <v>0.38829049260203602</v>
      </c>
      <c r="G1443" s="8">
        <v>-7.54735240440385</v>
      </c>
      <c r="H1443" s="8">
        <v>317649</v>
      </c>
      <c r="I1443" s="8" t="s">
        <v>4382</v>
      </c>
      <c r="J1443" s="11" t="s">
        <v>4383</v>
      </c>
      <c r="K1443" s="8">
        <v>3</v>
      </c>
      <c r="L1443" s="8">
        <v>71675416</v>
      </c>
      <c r="M1443" s="8">
        <v>71754773</v>
      </c>
      <c r="N1443" s="12">
        <v>-1</v>
      </c>
    </row>
    <row r="1444" spans="1:14" ht="142.5" x14ac:dyDescent="0.2">
      <c r="A1444" s="8" t="s">
        <v>4384</v>
      </c>
      <c r="B1444" s="8">
        <v>-5.6842527591732597E-2</v>
      </c>
      <c r="C1444" s="8">
        <v>4.5620028803244903</v>
      </c>
      <c r="D1444" s="8">
        <v>-0.980877290843854</v>
      </c>
      <c r="E1444" s="26">
        <v>0.33766594701350999</v>
      </c>
      <c r="F1444" s="8">
        <v>0.38967931625367203</v>
      </c>
      <c r="G1444" s="8">
        <v>-7.9977938865918397</v>
      </c>
      <c r="H1444" s="8">
        <v>115939</v>
      </c>
      <c r="I1444" s="8" t="s">
        <v>4385</v>
      </c>
      <c r="J1444" s="11" t="s">
        <v>4386</v>
      </c>
      <c r="K1444" s="8">
        <v>16</v>
      </c>
      <c r="L1444" s="8">
        <v>1349240</v>
      </c>
      <c r="M1444" s="8">
        <v>1351911</v>
      </c>
      <c r="N1444" s="12">
        <v>-1</v>
      </c>
    </row>
    <row r="1445" spans="1:14" ht="114" x14ac:dyDescent="0.2">
      <c r="A1445" s="8" t="s">
        <v>4387</v>
      </c>
      <c r="B1445" s="8">
        <v>-4.2191460129591199E-2</v>
      </c>
      <c r="C1445" s="8">
        <v>5.6692784627838</v>
      </c>
      <c r="D1445" s="8">
        <v>-0.97942581661661299</v>
      </c>
      <c r="E1445" s="26">
        <v>0.33836583334914899</v>
      </c>
      <c r="F1445" s="8">
        <v>0.39030753202334501</v>
      </c>
      <c r="G1445" s="8">
        <v>-8.2159630468124298</v>
      </c>
      <c r="H1445" s="8">
        <v>65003</v>
      </c>
      <c r="I1445" s="8" t="s">
        <v>4388</v>
      </c>
      <c r="J1445" s="11" t="s">
        <v>4389</v>
      </c>
      <c r="K1445" s="8">
        <v>11</v>
      </c>
      <c r="L1445" s="8">
        <v>66435075</v>
      </c>
      <c r="M1445" s="8">
        <v>66466738</v>
      </c>
      <c r="N1445" s="12">
        <v>-1</v>
      </c>
    </row>
    <row r="1446" spans="1:14" ht="114" x14ac:dyDescent="0.2">
      <c r="A1446" s="8" t="s">
        <v>4390</v>
      </c>
      <c r="B1446" s="8">
        <v>4.5265578510243799E-2</v>
      </c>
      <c r="C1446" s="8">
        <v>4.97387972833452</v>
      </c>
      <c r="D1446" s="8">
        <v>0.97889346346782302</v>
      </c>
      <c r="E1446" s="26">
        <v>0.33862277871755497</v>
      </c>
      <c r="F1446" s="8">
        <v>0.39054603571915902</v>
      </c>
      <c r="G1446" s="8">
        <v>-8.0934433758039699</v>
      </c>
      <c r="H1446" s="8">
        <v>8940</v>
      </c>
      <c r="I1446" s="8" t="s">
        <v>4391</v>
      </c>
      <c r="J1446" s="11" t="s">
        <v>4392</v>
      </c>
      <c r="K1446" s="8">
        <v>22</v>
      </c>
      <c r="L1446" s="8">
        <v>21957025</v>
      </c>
      <c r="M1446" s="8">
        <v>21982816</v>
      </c>
      <c r="N1446" s="12">
        <v>-1</v>
      </c>
    </row>
    <row r="1447" spans="1:14" ht="99.75" x14ac:dyDescent="0.2">
      <c r="A1447" s="8" t="s">
        <v>4393</v>
      </c>
      <c r="B1447" s="8">
        <v>-5.5736391016117701E-2</v>
      </c>
      <c r="C1447" s="8">
        <v>4.8358742215350299</v>
      </c>
      <c r="D1447" s="8">
        <v>-0.97641150733885895</v>
      </c>
      <c r="E1447" s="26">
        <v>0.33982248992467501</v>
      </c>
      <c r="F1447" s="8">
        <v>0.39178684029772498</v>
      </c>
      <c r="G1447" s="8">
        <v>-8.0642407851197504</v>
      </c>
      <c r="H1447" s="8">
        <v>11344</v>
      </c>
      <c r="I1447" s="8" t="s">
        <v>4394</v>
      </c>
      <c r="J1447" s="11" t="s">
        <v>4395</v>
      </c>
      <c r="K1447" s="8">
        <v>3</v>
      </c>
      <c r="L1447" s="8">
        <v>52228610</v>
      </c>
      <c r="M1447" s="8">
        <v>52239260</v>
      </c>
      <c r="N1447" s="12">
        <v>-1</v>
      </c>
    </row>
    <row r="1448" spans="1:14" ht="114" x14ac:dyDescent="0.2">
      <c r="A1448" s="8" t="s">
        <v>4396</v>
      </c>
      <c r="B1448" s="8">
        <v>4.3743557321259501E-2</v>
      </c>
      <c r="C1448" s="8">
        <v>6.1131614563868597</v>
      </c>
      <c r="D1448" s="8">
        <v>0.97377350965090104</v>
      </c>
      <c r="E1448" s="26">
        <v>0.34110082533472402</v>
      </c>
      <c r="F1448" s="8">
        <v>0.39314123063328599</v>
      </c>
      <c r="G1448" s="8">
        <v>-8.2811007015118498</v>
      </c>
      <c r="H1448" s="8">
        <v>6729</v>
      </c>
      <c r="I1448" s="8" t="s">
        <v>4397</v>
      </c>
      <c r="J1448" s="11" t="s">
        <v>4398</v>
      </c>
      <c r="K1448" s="8">
        <v>14</v>
      </c>
      <c r="L1448" s="8">
        <v>34981957</v>
      </c>
      <c r="M1448" s="8">
        <v>35029567</v>
      </c>
      <c r="N1448" s="12">
        <v>1</v>
      </c>
    </row>
    <row r="1449" spans="1:14" ht="114" x14ac:dyDescent="0.2">
      <c r="A1449" s="8" t="s">
        <v>4399</v>
      </c>
      <c r="B1449" s="8">
        <v>4.2403389365439602E-2</v>
      </c>
      <c r="C1449" s="8">
        <v>6.3294858318104499</v>
      </c>
      <c r="D1449" s="8">
        <v>0.96637185229410305</v>
      </c>
      <c r="E1449" s="26">
        <v>0.34470515805562502</v>
      </c>
      <c r="F1449" s="8">
        <v>0.39688568040417299</v>
      </c>
      <c r="G1449" s="8">
        <v>-8.3110300197057896</v>
      </c>
      <c r="H1449" s="8">
        <v>5710</v>
      </c>
      <c r="I1449" s="8" t="s">
        <v>4400</v>
      </c>
      <c r="J1449" s="11" t="s">
        <v>4401</v>
      </c>
      <c r="K1449" s="8">
        <v>1</v>
      </c>
      <c r="L1449" s="8">
        <v>151254703</v>
      </c>
      <c r="M1449" s="8">
        <v>151267479</v>
      </c>
      <c r="N1449" s="12">
        <v>1</v>
      </c>
    </row>
    <row r="1450" spans="1:14" ht="142.5" x14ac:dyDescent="0.2">
      <c r="A1450" s="8" t="s">
        <v>4402</v>
      </c>
      <c r="B1450" s="8">
        <v>6.7611605074597403E-2</v>
      </c>
      <c r="C1450" s="8">
        <v>3.2964422934835902</v>
      </c>
      <c r="D1450" s="8">
        <v>0.960386507643609</v>
      </c>
      <c r="E1450" s="26">
        <v>0.34763877589743702</v>
      </c>
      <c r="F1450" s="8">
        <v>0.39991814499146899</v>
      </c>
      <c r="G1450" s="8">
        <v>-7.6892455695338704</v>
      </c>
      <c r="H1450" s="8">
        <v>144983</v>
      </c>
      <c r="I1450" s="8" t="s">
        <v>4403</v>
      </c>
      <c r="J1450" s="11" t="s">
        <v>4404</v>
      </c>
      <c r="K1450" s="8">
        <v>13</v>
      </c>
      <c r="L1450" s="8">
        <v>52640786</v>
      </c>
      <c r="M1450" s="8">
        <v>52643796</v>
      </c>
      <c r="N1450" s="12">
        <v>1</v>
      </c>
    </row>
    <row r="1451" spans="1:14" ht="128.25" x14ac:dyDescent="0.2">
      <c r="A1451" s="8" t="s">
        <v>4405</v>
      </c>
      <c r="B1451" s="8">
        <v>-4.0412035319633298E-2</v>
      </c>
      <c r="C1451" s="8">
        <v>6.8782255304384199</v>
      </c>
      <c r="D1451" s="8">
        <v>-0.95745985697342695</v>
      </c>
      <c r="E1451" s="26">
        <v>0.34907940328089898</v>
      </c>
      <c r="F1451" s="8">
        <v>0.40143496764401998</v>
      </c>
      <c r="G1451" s="8">
        <v>-8.3631601652944596</v>
      </c>
      <c r="H1451" s="8">
        <v>9775</v>
      </c>
      <c r="I1451" s="8" t="s">
        <v>4406</v>
      </c>
      <c r="J1451" s="11" t="s">
        <v>4407</v>
      </c>
      <c r="K1451" s="8">
        <v>17</v>
      </c>
      <c r="L1451" s="8">
        <v>80135214</v>
      </c>
      <c r="M1451" s="8">
        <v>80147183</v>
      </c>
      <c r="N1451" s="12">
        <v>-1</v>
      </c>
    </row>
    <row r="1452" spans="1:14" ht="85.5" x14ac:dyDescent="0.2">
      <c r="A1452" s="8" t="s">
        <v>4408</v>
      </c>
      <c r="B1452" s="8">
        <v>-3.68175847821091E-2</v>
      </c>
      <c r="C1452" s="8">
        <v>7.6236093091520596</v>
      </c>
      <c r="D1452" s="8">
        <v>-0.94867779891959503</v>
      </c>
      <c r="E1452" s="26">
        <v>0.35342667838523401</v>
      </c>
      <c r="F1452" s="8">
        <v>0.40606514958627898</v>
      </c>
      <c r="G1452" s="8">
        <v>-8.4176375160406494</v>
      </c>
      <c r="H1452" s="8">
        <v>3735</v>
      </c>
      <c r="I1452" s="8" t="s">
        <v>4409</v>
      </c>
      <c r="J1452" s="11" t="s">
        <v>4410</v>
      </c>
      <c r="K1452" s="8">
        <v>16</v>
      </c>
      <c r="L1452" s="8">
        <v>75627474</v>
      </c>
      <c r="M1452" s="8">
        <v>75648643</v>
      </c>
      <c r="N1452" s="12">
        <v>-1</v>
      </c>
    </row>
    <row r="1453" spans="1:14" ht="99.75" x14ac:dyDescent="0.2">
      <c r="A1453" s="8" t="s">
        <v>4411</v>
      </c>
      <c r="B1453" s="8">
        <v>3.7366161482882597E-2</v>
      </c>
      <c r="C1453" s="8">
        <v>9.3023630382884992</v>
      </c>
      <c r="D1453" s="8">
        <v>0.94776805363136896</v>
      </c>
      <c r="E1453" s="26">
        <v>0.35387910693187402</v>
      </c>
      <c r="F1453" s="8">
        <v>0.40651112664928402</v>
      </c>
      <c r="G1453" s="8">
        <v>-8.5028435789508094</v>
      </c>
      <c r="H1453" s="8">
        <v>79727</v>
      </c>
      <c r="I1453" s="8" t="s">
        <v>4412</v>
      </c>
      <c r="J1453" s="11" t="s">
        <v>4413</v>
      </c>
      <c r="K1453" s="8">
        <v>1</v>
      </c>
      <c r="L1453" s="8">
        <v>26410778</v>
      </c>
      <c r="M1453" s="8">
        <v>26429722</v>
      </c>
      <c r="N1453" s="12">
        <v>1</v>
      </c>
    </row>
    <row r="1454" spans="1:14" ht="142.5" x14ac:dyDescent="0.2">
      <c r="A1454" s="8" t="s">
        <v>4414</v>
      </c>
      <c r="B1454" s="8">
        <v>4.5835531146766001E-2</v>
      </c>
      <c r="C1454" s="8">
        <v>4.7128924821702904</v>
      </c>
      <c r="D1454" s="8">
        <v>0.94224149260663204</v>
      </c>
      <c r="E1454" s="26">
        <v>0.35663596463292202</v>
      </c>
      <c r="F1454" s="8">
        <v>0.40938063760216298</v>
      </c>
      <c r="G1454" s="8">
        <v>-8.0724183906395002</v>
      </c>
      <c r="H1454" s="8">
        <v>219988</v>
      </c>
      <c r="I1454" s="8" t="s">
        <v>4415</v>
      </c>
      <c r="J1454" s="11" t="s">
        <v>4416</v>
      </c>
      <c r="K1454" s="8">
        <v>11</v>
      </c>
      <c r="L1454" s="8">
        <v>59636716</v>
      </c>
      <c r="M1454" s="8">
        <v>59668980</v>
      </c>
      <c r="N1454" s="12">
        <v>-1</v>
      </c>
    </row>
    <row r="1455" spans="1:14" ht="114" x14ac:dyDescent="0.2">
      <c r="A1455" s="8" t="s">
        <v>4417</v>
      </c>
      <c r="B1455" s="8">
        <v>4.51676460077515E-2</v>
      </c>
      <c r="C1455" s="8">
        <v>6.57968899246855</v>
      </c>
      <c r="D1455" s="8">
        <v>0.94164451328100496</v>
      </c>
      <c r="E1455" s="26">
        <v>0.35693462627026101</v>
      </c>
      <c r="F1455" s="8">
        <v>0.40969868763870698</v>
      </c>
      <c r="G1455" s="8">
        <v>-8.3569050620300001</v>
      </c>
      <c r="H1455" s="8">
        <v>7341</v>
      </c>
      <c r="I1455" s="8" t="s">
        <v>4418</v>
      </c>
      <c r="J1455" s="11" t="s">
        <v>4419</v>
      </c>
      <c r="K1455" s="8">
        <v>2</v>
      </c>
      <c r="L1455" s="8">
        <v>202206180</v>
      </c>
      <c r="M1455" s="8">
        <v>202238608</v>
      </c>
      <c r="N1455" s="12">
        <v>-1</v>
      </c>
    </row>
    <row r="1456" spans="1:14" ht="128.25" x14ac:dyDescent="0.2">
      <c r="A1456" s="8" t="s">
        <v>4420</v>
      </c>
      <c r="B1456" s="8">
        <v>3.7848586496550297E-2</v>
      </c>
      <c r="C1456" s="8">
        <v>6.9890301859892698</v>
      </c>
      <c r="D1456" s="8">
        <v>0.93799512486400005</v>
      </c>
      <c r="E1456" s="26">
        <v>0.35876404151844499</v>
      </c>
      <c r="F1456" s="8">
        <v>0.411445309251119</v>
      </c>
      <c r="G1456" s="8">
        <v>-8.3896316666022397</v>
      </c>
      <c r="H1456" s="8">
        <v>56061</v>
      </c>
      <c r="I1456" s="8" t="s">
        <v>4421</v>
      </c>
      <c r="J1456" s="11" t="s">
        <v>4422</v>
      </c>
      <c r="K1456" s="8">
        <v>16</v>
      </c>
      <c r="L1456" s="8">
        <v>23557362</v>
      </c>
      <c r="M1456" s="8">
        <v>23574389</v>
      </c>
      <c r="N1456" s="12">
        <v>1</v>
      </c>
    </row>
    <row r="1457" spans="1:14" ht="99.75" x14ac:dyDescent="0.2">
      <c r="A1457" s="8" t="s">
        <v>4423</v>
      </c>
      <c r="B1457" s="8">
        <v>9.2855700113432194E-2</v>
      </c>
      <c r="C1457" s="8">
        <v>2.6025564804116899</v>
      </c>
      <c r="D1457" s="8">
        <v>0.93750985161932698</v>
      </c>
      <c r="E1457" s="26">
        <v>0.35900778103286202</v>
      </c>
      <c r="F1457" s="8">
        <v>0.41165502481332999</v>
      </c>
      <c r="G1457" s="8">
        <v>-7.5146887971314902</v>
      </c>
      <c r="H1457" s="8">
        <v>6170</v>
      </c>
      <c r="I1457" s="8" t="s">
        <v>4424</v>
      </c>
      <c r="J1457" s="11" t="s">
        <v>4425</v>
      </c>
      <c r="K1457" s="8" t="s">
        <v>108</v>
      </c>
      <c r="L1457" s="8">
        <v>119786504</v>
      </c>
      <c r="M1457" s="8">
        <v>119791643</v>
      </c>
      <c r="N1457" s="12">
        <v>-1</v>
      </c>
    </row>
    <row r="1458" spans="1:14" ht="85.5" x14ac:dyDescent="0.2">
      <c r="A1458" s="8" t="s">
        <v>4426</v>
      </c>
      <c r="B1458" s="8">
        <v>-7.2783430900660306E-2</v>
      </c>
      <c r="C1458" s="8">
        <v>5.7051470200669501</v>
      </c>
      <c r="D1458" s="8">
        <v>-0.93163174221644496</v>
      </c>
      <c r="E1458" s="26">
        <v>0.361969051142711</v>
      </c>
      <c r="F1458" s="8">
        <v>0.41474982994416398</v>
      </c>
      <c r="G1458" s="8">
        <v>-8.2666793382537804</v>
      </c>
      <c r="H1458" s="8">
        <v>10514</v>
      </c>
      <c r="I1458" s="8" t="s">
        <v>4427</v>
      </c>
      <c r="J1458" s="11" t="s">
        <v>4428</v>
      </c>
      <c r="K1458" s="8">
        <v>17</v>
      </c>
      <c r="L1458" s="8">
        <v>4538897</v>
      </c>
      <c r="M1458" s="8">
        <v>4555631</v>
      </c>
      <c r="N1458" s="12">
        <v>-1</v>
      </c>
    </row>
    <row r="1459" spans="1:14" ht="114" x14ac:dyDescent="0.2">
      <c r="A1459" s="8" t="s">
        <v>4429</v>
      </c>
      <c r="B1459" s="8">
        <v>9.7377912727927701E-2</v>
      </c>
      <c r="C1459" s="8">
        <v>2.6321680931235099</v>
      </c>
      <c r="D1459" s="8">
        <v>0.92896871993869001</v>
      </c>
      <c r="E1459" s="26">
        <v>0.36331601126039897</v>
      </c>
      <c r="F1459" s="8">
        <v>0.41591650755194498</v>
      </c>
      <c r="G1459" s="8">
        <v>-7.5312318453646903</v>
      </c>
      <c r="H1459" s="8">
        <v>23067</v>
      </c>
      <c r="I1459" s="8" t="s">
        <v>4430</v>
      </c>
      <c r="J1459" s="11" t="s">
        <v>4431</v>
      </c>
      <c r="K1459" s="8">
        <v>12</v>
      </c>
      <c r="L1459" s="8">
        <v>121804180</v>
      </c>
      <c r="M1459" s="8">
        <v>121832584</v>
      </c>
      <c r="N1459" s="12">
        <v>1</v>
      </c>
    </row>
    <row r="1460" spans="1:14" ht="114" x14ac:dyDescent="0.2">
      <c r="A1460" s="8" t="s">
        <v>4432</v>
      </c>
      <c r="B1460" s="8">
        <v>-4.1393307990900602E-2</v>
      </c>
      <c r="C1460" s="8">
        <v>6.31923450412331</v>
      </c>
      <c r="D1460" s="8">
        <v>-0.92103951966867503</v>
      </c>
      <c r="E1460" s="26">
        <v>0.36734648741888298</v>
      </c>
      <c r="F1460" s="8">
        <v>0.42008798868994301</v>
      </c>
      <c r="G1460" s="8">
        <v>-8.3520478695621598</v>
      </c>
      <c r="H1460" s="8">
        <v>26121</v>
      </c>
      <c r="I1460" s="8" t="s">
        <v>4433</v>
      </c>
      <c r="J1460" s="11" t="s">
        <v>4434</v>
      </c>
      <c r="K1460" s="8">
        <v>19</v>
      </c>
      <c r="L1460" s="8">
        <v>54115410</v>
      </c>
      <c r="M1460" s="8">
        <v>54131719</v>
      </c>
      <c r="N1460" s="12">
        <v>1</v>
      </c>
    </row>
    <row r="1461" spans="1:14" ht="114" x14ac:dyDescent="0.2">
      <c r="A1461" s="8" t="s">
        <v>4435</v>
      </c>
      <c r="B1461" s="8">
        <v>-3.6211669690441498E-2</v>
      </c>
      <c r="C1461" s="8">
        <v>6.6833563479712303</v>
      </c>
      <c r="D1461" s="8">
        <v>-0.91255715277536298</v>
      </c>
      <c r="E1461" s="26">
        <v>0.37169107290945502</v>
      </c>
      <c r="F1461" s="8">
        <v>0.42453093533570502</v>
      </c>
      <c r="G1461" s="8">
        <v>-8.3914210934048192</v>
      </c>
      <c r="H1461" s="8">
        <v>51258</v>
      </c>
      <c r="I1461" s="8" t="s">
        <v>4436</v>
      </c>
      <c r="J1461" s="11" t="s">
        <v>4437</v>
      </c>
      <c r="K1461" s="8">
        <v>12</v>
      </c>
      <c r="L1461" s="8">
        <v>6491886</v>
      </c>
      <c r="M1461" s="8">
        <v>6493841</v>
      </c>
      <c r="N1461" s="12">
        <v>-1</v>
      </c>
    </row>
    <row r="1462" spans="1:14" ht="99.75" x14ac:dyDescent="0.2">
      <c r="A1462" s="8" t="s">
        <v>4438</v>
      </c>
      <c r="B1462" s="8">
        <v>-4.7081639451350001E-2</v>
      </c>
      <c r="C1462" s="8">
        <v>5.0595091678652304</v>
      </c>
      <c r="D1462" s="8">
        <v>-0.90960552981076304</v>
      </c>
      <c r="E1462" s="26">
        <v>0.37321084454258102</v>
      </c>
      <c r="F1462" s="8">
        <v>0.42618980604673001</v>
      </c>
      <c r="G1462" s="8">
        <v>-8.1746804228264995</v>
      </c>
      <c r="H1462" s="8">
        <v>81550</v>
      </c>
      <c r="I1462" s="8" t="s">
        <v>4439</v>
      </c>
      <c r="J1462" s="11" t="s">
        <v>4440</v>
      </c>
      <c r="K1462" s="8">
        <v>13</v>
      </c>
      <c r="L1462" s="8">
        <v>60396457</v>
      </c>
      <c r="M1462" s="8">
        <v>60573878</v>
      </c>
      <c r="N1462" s="12">
        <v>1</v>
      </c>
    </row>
    <row r="1463" spans="1:14" ht="99.75" x14ac:dyDescent="0.2">
      <c r="A1463" s="8" t="s">
        <v>4441</v>
      </c>
      <c r="B1463" s="8">
        <v>6.3157615226593605E-2</v>
      </c>
      <c r="C1463" s="8">
        <v>3.7519815669957701</v>
      </c>
      <c r="D1463" s="8">
        <v>0.90200521517614396</v>
      </c>
      <c r="E1463" s="26">
        <v>0.37714314699290102</v>
      </c>
      <c r="F1463" s="8">
        <v>0.43011090748102598</v>
      </c>
      <c r="G1463" s="8">
        <v>-7.8686490564856699</v>
      </c>
      <c r="H1463" s="8">
        <v>10465</v>
      </c>
      <c r="I1463" s="8" t="s">
        <v>4442</v>
      </c>
      <c r="J1463" s="11" t="s">
        <v>4443</v>
      </c>
      <c r="K1463" s="8">
        <v>1</v>
      </c>
      <c r="L1463" s="8">
        <v>42658425</v>
      </c>
      <c r="M1463" s="8">
        <v>42676758</v>
      </c>
      <c r="N1463" s="12">
        <v>1</v>
      </c>
    </row>
    <row r="1464" spans="1:14" ht="85.5" x14ac:dyDescent="0.2">
      <c r="A1464" s="8" t="s">
        <v>4444</v>
      </c>
      <c r="B1464" s="8">
        <v>-3.3335381112657103E-2</v>
      </c>
      <c r="C1464" s="8">
        <v>5.9758011885272504</v>
      </c>
      <c r="D1464" s="8">
        <v>-0.90009732071343296</v>
      </c>
      <c r="E1464" s="26">
        <v>0.37813455080380398</v>
      </c>
      <c r="F1464" s="8">
        <v>0.43100843117327098</v>
      </c>
      <c r="G1464" s="8">
        <v>-8.3332417997032202</v>
      </c>
      <c r="H1464" s="8">
        <v>8449</v>
      </c>
      <c r="I1464" s="8" t="s">
        <v>4445</v>
      </c>
      <c r="J1464" s="11" t="s">
        <v>4446</v>
      </c>
      <c r="K1464" s="8">
        <v>6</v>
      </c>
      <c r="L1464" s="8">
        <v>30653119</v>
      </c>
      <c r="M1464" s="8">
        <v>30673037</v>
      </c>
      <c r="N1464" s="12">
        <v>-1</v>
      </c>
    </row>
    <row r="1465" spans="1:14" ht="85.5" x14ac:dyDescent="0.2">
      <c r="A1465" s="8" t="s">
        <v>4447</v>
      </c>
      <c r="B1465" s="8">
        <v>4.7796874062606201E-2</v>
      </c>
      <c r="C1465" s="8">
        <v>5.8046609684902997</v>
      </c>
      <c r="D1465" s="8">
        <v>0.87966569326517097</v>
      </c>
      <c r="E1465" s="26">
        <v>0.38885914926947701</v>
      </c>
      <c r="F1465" s="8">
        <v>0.44166746921755201</v>
      </c>
      <c r="G1465" s="8">
        <v>-8.3303689378485508</v>
      </c>
      <c r="H1465" s="8">
        <v>4088</v>
      </c>
      <c r="I1465" s="8" t="s">
        <v>4448</v>
      </c>
      <c r="J1465" s="11" t="s">
        <v>4449</v>
      </c>
      <c r="K1465" s="8">
        <v>15</v>
      </c>
      <c r="L1465" s="8">
        <v>67063763</v>
      </c>
      <c r="M1465" s="8">
        <v>67195195</v>
      </c>
      <c r="N1465" s="12">
        <v>1</v>
      </c>
    </row>
    <row r="1466" spans="1:14" ht="114" x14ac:dyDescent="0.2">
      <c r="A1466" s="8" t="s">
        <v>4450</v>
      </c>
      <c r="B1466" s="8">
        <v>4.0537813932521899E-2</v>
      </c>
      <c r="C1466" s="8">
        <v>5.0266294983825697</v>
      </c>
      <c r="D1466" s="8">
        <v>0.87000789211389296</v>
      </c>
      <c r="E1466" s="26">
        <v>0.39399698321747501</v>
      </c>
      <c r="F1466" s="8">
        <v>0.44704817641363298</v>
      </c>
      <c r="G1466" s="8">
        <v>-8.2054039030108097</v>
      </c>
      <c r="H1466" s="8">
        <v>122704</v>
      </c>
      <c r="I1466" s="8" t="s">
        <v>4451</v>
      </c>
      <c r="J1466" s="11" t="s">
        <v>4452</v>
      </c>
      <c r="K1466" s="8">
        <v>14</v>
      </c>
      <c r="L1466" s="8">
        <v>22829879</v>
      </c>
      <c r="M1466" s="8">
        <v>22835037</v>
      </c>
      <c r="N1466" s="12">
        <v>1</v>
      </c>
    </row>
    <row r="1467" spans="1:14" ht="128.25" x14ac:dyDescent="0.2">
      <c r="A1467" s="8" t="s">
        <v>4453</v>
      </c>
      <c r="B1467" s="8">
        <v>9.3924406284821696E-2</v>
      </c>
      <c r="C1467" s="8">
        <v>2.3467089640386298</v>
      </c>
      <c r="D1467" s="8">
        <v>0.85809592625781195</v>
      </c>
      <c r="E1467" s="26">
        <v>0.40039436745025803</v>
      </c>
      <c r="F1467" s="8">
        <v>0.45346645447025202</v>
      </c>
      <c r="G1467" s="8">
        <v>-7.5125885757704003</v>
      </c>
      <c r="H1467" s="8" t="s">
        <v>4454</v>
      </c>
      <c r="I1467" s="8" t="s">
        <v>4455</v>
      </c>
      <c r="J1467" s="11" t="s">
        <v>4456</v>
      </c>
      <c r="K1467" s="8">
        <v>21</v>
      </c>
      <c r="L1467" s="8">
        <v>43092956</v>
      </c>
      <c r="M1467" s="8">
        <v>43107587</v>
      </c>
      <c r="N1467" s="12">
        <v>-1</v>
      </c>
    </row>
    <row r="1468" spans="1:14" ht="114" x14ac:dyDescent="0.2">
      <c r="A1468" s="8" t="s">
        <v>4457</v>
      </c>
      <c r="B1468" s="8">
        <v>3.3351012569116101E-2</v>
      </c>
      <c r="C1468" s="8">
        <v>6.6055451345433696</v>
      </c>
      <c r="D1468" s="8">
        <v>0.85288047878755802</v>
      </c>
      <c r="E1468" s="26">
        <v>0.40321629857091301</v>
      </c>
      <c r="F1468" s="8">
        <v>0.45630840825214503</v>
      </c>
      <c r="G1468" s="8">
        <v>-8.43918977654522</v>
      </c>
      <c r="H1468" s="8">
        <v>2885</v>
      </c>
      <c r="I1468" s="8" t="s">
        <v>4458</v>
      </c>
      <c r="J1468" s="11" t="s">
        <v>4459</v>
      </c>
      <c r="K1468" s="8">
        <v>17</v>
      </c>
      <c r="L1468" s="8">
        <v>75318076</v>
      </c>
      <c r="M1468" s="8">
        <v>75405709</v>
      </c>
      <c r="N1468" s="12">
        <v>-1</v>
      </c>
    </row>
    <row r="1469" spans="1:14" ht="114" x14ac:dyDescent="0.2">
      <c r="A1469" s="8" t="s">
        <v>4460</v>
      </c>
      <c r="B1469" s="8">
        <v>-3.16268484309674E-2</v>
      </c>
      <c r="C1469" s="8">
        <v>6.77154041743694</v>
      </c>
      <c r="D1469" s="8">
        <v>-0.83016701580977004</v>
      </c>
      <c r="E1469" s="26">
        <v>0.41565421359530402</v>
      </c>
      <c r="F1469" s="8">
        <v>0.46859561643189501</v>
      </c>
      <c r="G1469" s="8">
        <v>-8.4705581287068998</v>
      </c>
      <c r="H1469" s="8">
        <v>100996928</v>
      </c>
      <c r="I1469" s="8" t="s">
        <v>4461</v>
      </c>
      <c r="J1469" s="11" t="s">
        <v>4462</v>
      </c>
      <c r="K1469" s="8">
        <v>7</v>
      </c>
      <c r="L1469" s="8">
        <v>139341360</v>
      </c>
      <c r="M1469" s="8">
        <v>139422599</v>
      </c>
      <c r="N1469" s="12">
        <v>1</v>
      </c>
    </row>
    <row r="1470" spans="1:14" ht="99.75" x14ac:dyDescent="0.2">
      <c r="A1470" s="8" t="s">
        <v>4463</v>
      </c>
      <c r="B1470" s="8">
        <v>4.2042645297971901E-2</v>
      </c>
      <c r="C1470" s="8">
        <v>5.9706840343434298</v>
      </c>
      <c r="D1470" s="8">
        <v>0.82832728108674702</v>
      </c>
      <c r="E1470" s="26">
        <v>0.41667218751748297</v>
      </c>
      <c r="F1470" s="8">
        <v>0.469589860606626</v>
      </c>
      <c r="G1470" s="8">
        <v>-8.3963735890124003</v>
      </c>
      <c r="H1470" s="8">
        <v>5976</v>
      </c>
      <c r="I1470" s="8" t="s">
        <v>4464</v>
      </c>
      <c r="J1470" s="11" t="s">
        <v>4465</v>
      </c>
      <c r="K1470" s="8">
        <v>19</v>
      </c>
      <c r="L1470" s="8">
        <v>18831938</v>
      </c>
      <c r="M1470" s="8">
        <v>18868236</v>
      </c>
      <c r="N1470" s="12">
        <v>1</v>
      </c>
    </row>
    <row r="1471" spans="1:14" ht="128.25" x14ac:dyDescent="0.2">
      <c r="A1471" s="8" t="s">
        <v>4466</v>
      </c>
      <c r="B1471" s="8">
        <v>3.5209640388922402E-2</v>
      </c>
      <c r="C1471" s="8">
        <v>5.5002891062826098</v>
      </c>
      <c r="D1471" s="8">
        <v>0.826779521172471</v>
      </c>
      <c r="E1471" s="26">
        <v>0.41752982371457098</v>
      </c>
      <c r="F1471" s="8">
        <v>0.470374797544163</v>
      </c>
      <c r="G1471" s="8">
        <v>-8.32956114247032</v>
      </c>
      <c r="H1471" s="8">
        <v>8890</v>
      </c>
      <c r="I1471" s="8" t="s">
        <v>4467</v>
      </c>
      <c r="J1471" s="11" t="s">
        <v>4468</v>
      </c>
      <c r="K1471" s="8">
        <v>2</v>
      </c>
      <c r="L1471" s="8">
        <v>27364352</v>
      </c>
      <c r="M1471" s="8">
        <v>27370486</v>
      </c>
      <c r="N1471" s="12">
        <v>-1</v>
      </c>
    </row>
    <row r="1472" spans="1:14" ht="99.75" x14ac:dyDescent="0.2">
      <c r="A1472" s="8" t="s">
        <v>4469</v>
      </c>
      <c r="B1472" s="8">
        <v>4.4340296160949103E-2</v>
      </c>
      <c r="C1472" s="8">
        <v>7.0566869037681004</v>
      </c>
      <c r="D1472" s="8">
        <v>0.81987005967942095</v>
      </c>
      <c r="E1472" s="26">
        <v>0.421372036085158</v>
      </c>
      <c r="F1472" s="8">
        <v>0.47422471407828498</v>
      </c>
      <c r="G1472" s="8">
        <v>-8.4988939960132495</v>
      </c>
      <c r="H1472" s="8">
        <v>6235</v>
      </c>
      <c r="I1472" s="8" t="s">
        <v>4470</v>
      </c>
      <c r="J1472" s="11" t="s">
        <v>4471</v>
      </c>
      <c r="K1472" s="8">
        <v>14</v>
      </c>
      <c r="L1472" s="8">
        <v>49570984</v>
      </c>
      <c r="M1472" s="8">
        <v>49599164</v>
      </c>
      <c r="N1472" s="12">
        <v>-1</v>
      </c>
    </row>
    <row r="1473" spans="1:14" ht="171" x14ac:dyDescent="0.2">
      <c r="A1473" s="8" t="s">
        <v>4472</v>
      </c>
      <c r="B1473" s="8">
        <v>2.88879812870615E-2</v>
      </c>
      <c r="C1473" s="8">
        <v>8.5569625568508094</v>
      </c>
      <c r="D1473" s="8">
        <v>0.81575240618326095</v>
      </c>
      <c r="E1473" s="26">
        <v>0.42367231857069299</v>
      </c>
      <c r="F1473" s="8">
        <v>0.47636191947850698</v>
      </c>
      <c r="G1473" s="8">
        <v>-8.5871499571589602</v>
      </c>
      <c r="H1473" s="8">
        <v>10075</v>
      </c>
      <c r="I1473" s="8" t="s">
        <v>4473</v>
      </c>
      <c r="J1473" s="11" t="s">
        <v>4474</v>
      </c>
      <c r="K1473" s="8" t="s">
        <v>108</v>
      </c>
      <c r="L1473" s="8">
        <v>53532096</v>
      </c>
      <c r="M1473" s="8">
        <v>53686729</v>
      </c>
      <c r="N1473" s="12">
        <v>-1</v>
      </c>
    </row>
    <row r="1474" spans="1:14" ht="128.25" x14ac:dyDescent="0.2">
      <c r="A1474" s="8" t="s">
        <v>4475</v>
      </c>
      <c r="B1474" s="8">
        <v>-3.1190524806625299E-2</v>
      </c>
      <c r="C1474" s="8">
        <v>7.08796285859394</v>
      </c>
      <c r="D1474" s="8">
        <v>-0.80546184485938999</v>
      </c>
      <c r="E1474" s="26">
        <v>0.42945536275264801</v>
      </c>
      <c r="F1474" s="8">
        <v>0.48209254178982502</v>
      </c>
      <c r="G1474" s="8">
        <v>-8.5123078978175002</v>
      </c>
      <c r="H1474" s="8">
        <v>51631</v>
      </c>
      <c r="I1474" s="8" t="s">
        <v>4476</v>
      </c>
      <c r="J1474" s="11" t="s">
        <v>4477</v>
      </c>
      <c r="K1474" s="8">
        <v>7</v>
      </c>
      <c r="L1474" s="8">
        <v>139340359</v>
      </c>
      <c r="M1474" s="8">
        <v>139423457</v>
      </c>
      <c r="N1474" s="12">
        <v>1</v>
      </c>
    </row>
    <row r="1475" spans="1:14" ht="156.75" x14ac:dyDescent="0.2">
      <c r="A1475" s="8" t="s">
        <v>4478</v>
      </c>
      <c r="B1475" s="8">
        <v>6.2107740850132001E-2</v>
      </c>
      <c r="C1475" s="8">
        <v>3.2957809626444301</v>
      </c>
      <c r="D1475" s="8">
        <v>0.80108981903175702</v>
      </c>
      <c r="E1475" s="26">
        <v>0.43192714770520801</v>
      </c>
      <c r="F1475" s="8">
        <v>0.48460928709954598</v>
      </c>
      <c r="G1475" s="8">
        <v>-7.8303844522535302</v>
      </c>
      <c r="H1475" s="8">
        <v>6627</v>
      </c>
      <c r="I1475" s="8" t="s">
        <v>4479</v>
      </c>
      <c r="J1475" s="11" t="s">
        <v>4480</v>
      </c>
      <c r="K1475" s="8">
        <v>15</v>
      </c>
      <c r="L1475" s="8">
        <v>101281510</v>
      </c>
      <c r="M1475" s="8">
        <v>101295282</v>
      </c>
      <c r="N1475" s="12">
        <v>-1</v>
      </c>
    </row>
    <row r="1476" spans="1:14" ht="99.75" x14ac:dyDescent="0.2">
      <c r="A1476" s="8" t="s">
        <v>4481</v>
      </c>
      <c r="B1476" s="8">
        <v>3.5183809999500298E-2</v>
      </c>
      <c r="C1476" s="8">
        <v>9.0678608595752106</v>
      </c>
      <c r="D1476" s="8">
        <v>0.79539744895045905</v>
      </c>
      <c r="E1476" s="26">
        <v>0.43515861424636099</v>
      </c>
      <c r="F1476" s="8">
        <v>0.487658262817597</v>
      </c>
      <c r="G1476" s="8">
        <v>-8.6273950874644996</v>
      </c>
      <c r="H1476" s="8" t="s">
        <v>4482</v>
      </c>
      <c r="I1476" s="8" t="s">
        <v>4483</v>
      </c>
      <c r="J1476" s="11" t="s">
        <v>4484</v>
      </c>
      <c r="K1476" s="8">
        <v>8</v>
      </c>
      <c r="L1476" s="8">
        <v>144789765</v>
      </c>
      <c r="M1476" s="8">
        <v>144792587</v>
      </c>
      <c r="N1476" s="12">
        <v>-1</v>
      </c>
    </row>
    <row r="1477" spans="1:14" ht="99.75" x14ac:dyDescent="0.2">
      <c r="A1477" s="8" t="s">
        <v>4485</v>
      </c>
      <c r="B1477" s="8">
        <v>4.20235020677069E-2</v>
      </c>
      <c r="C1477" s="8">
        <v>7.8082056861314104</v>
      </c>
      <c r="D1477" s="8">
        <v>0.79022823975374401</v>
      </c>
      <c r="E1477" s="26">
        <v>0.43810600953949502</v>
      </c>
      <c r="F1477" s="8">
        <v>0.490613580964888</v>
      </c>
      <c r="G1477" s="8">
        <v>-8.5678252132108295</v>
      </c>
      <c r="H1477" s="8">
        <v>11224</v>
      </c>
      <c r="I1477" s="8" t="s">
        <v>4486</v>
      </c>
      <c r="J1477" s="11" t="s">
        <v>4487</v>
      </c>
      <c r="K1477" s="8">
        <v>9</v>
      </c>
      <c r="L1477" s="8">
        <v>124857880</v>
      </c>
      <c r="M1477" s="8">
        <v>124861981</v>
      </c>
      <c r="N1477" s="12">
        <v>-1</v>
      </c>
    </row>
    <row r="1478" spans="1:14" ht="99.75" x14ac:dyDescent="0.2">
      <c r="A1478" s="8" t="s">
        <v>4488</v>
      </c>
      <c r="B1478" s="8">
        <v>-3.7842720341953601E-2</v>
      </c>
      <c r="C1478" s="8">
        <v>5.1038459783337604</v>
      </c>
      <c r="D1478" s="8">
        <v>-0.78538448788650606</v>
      </c>
      <c r="E1478" s="26">
        <v>0.44087897184920199</v>
      </c>
      <c r="F1478" s="8">
        <v>0.49331133542348499</v>
      </c>
      <c r="G1478" s="8">
        <v>-8.2902387541934708</v>
      </c>
      <c r="H1478" s="8">
        <v>10084</v>
      </c>
      <c r="I1478" s="8" t="s">
        <v>4489</v>
      </c>
      <c r="J1478" s="11" t="s">
        <v>4490</v>
      </c>
      <c r="K1478" s="8" t="s">
        <v>108</v>
      </c>
      <c r="L1478" s="8">
        <v>48897912</v>
      </c>
      <c r="M1478" s="8">
        <v>48903143</v>
      </c>
      <c r="N1478" s="12">
        <v>1</v>
      </c>
    </row>
    <row r="1479" spans="1:14" ht="128.25" x14ac:dyDescent="0.2">
      <c r="A1479" s="8" t="s">
        <v>4491</v>
      </c>
      <c r="B1479" s="8">
        <v>-3.5614106060630299E-2</v>
      </c>
      <c r="C1479" s="8">
        <v>4.8881481467514396</v>
      </c>
      <c r="D1479" s="8">
        <v>-0.78187827011503297</v>
      </c>
      <c r="E1479" s="26">
        <v>0.44289293049703399</v>
      </c>
      <c r="F1479" s="8">
        <v>0.49527278385634799</v>
      </c>
      <c r="G1479" s="8">
        <v>-8.2487870349620707</v>
      </c>
      <c r="H1479" s="8">
        <v>129563</v>
      </c>
      <c r="I1479" s="8" t="s">
        <v>4492</v>
      </c>
      <c r="J1479" s="11" t="s">
        <v>4493</v>
      </c>
      <c r="K1479" s="8">
        <v>2</v>
      </c>
      <c r="L1479" s="8">
        <v>231961245</v>
      </c>
      <c r="M1479" s="8">
        <v>232344350</v>
      </c>
      <c r="N1479" s="12">
        <v>1</v>
      </c>
    </row>
    <row r="1480" spans="1:14" ht="99.75" x14ac:dyDescent="0.2">
      <c r="A1480" s="8" t="s">
        <v>4494</v>
      </c>
      <c r="B1480" s="8">
        <v>-4.5880731369845502E-2</v>
      </c>
      <c r="C1480" s="8">
        <v>4.0045697559111399</v>
      </c>
      <c r="D1480" s="8">
        <v>-0.77746265993270902</v>
      </c>
      <c r="E1480" s="26">
        <v>0.445437245148957</v>
      </c>
      <c r="F1480" s="8">
        <v>0.49788329610034998</v>
      </c>
      <c r="G1480" s="8">
        <v>-8.0388504981557496</v>
      </c>
      <c r="H1480" s="8">
        <v>22864</v>
      </c>
      <c r="I1480" s="8" t="s">
        <v>4495</v>
      </c>
      <c r="J1480" s="11" t="s">
        <v>4496</v>
      </c>
      <c r="K1480" s="8">
        <v>12</v>
      </c>
      <c r="L1480" s="8">
        <v>57253762</v>
      </c>
      <c r="M1480" s="8">
        <v>57431005</v>
      </c>
      <c r="N1480" s="12">
        <v>-1</v>
      </c>
    </row>
    <row r="1481" spans="1:14" ht="114" x14ac:dyDescent="0.2">
      <c r="A1481" s="8" t="s">
        <v>4497</v>
      </c>
      <c r="B1481" s="8">
        <v>-3.6402383543840101E-2</v>
      </c>
      <c r="C1481" s="8">
        <v>7.88025588708578</v>
      </c>
      <c r="D1481" s="8">
        <v>-0.772379080579633</v>
      </c>
      <c r="E1481" s="26">
        <v>0.44837747972752401</v>
      </c>
      <c r="F1481" s="8">
        <v>0.50099266561406197</v>
      </c>
      <c r="G1481" s="8">
        <v>-8.5856471307586002</v>
      </c>
      <c r="H1481" s="8" t="s">
        <v>4498</v>
      </c>
      <c r="I1481" s="8" t="s">
        <v>4499</v>
      </c>
      <c r="J1481" s="11" t="s">
        <v>4500</v>
      </c>
      <c r="K1481" s="8">
        <v>20</v>
      </c>
      <c r="L1481" s="8">
        <v>2652145</v>
      </c>
      <c r="M1481" s="8">
        <v>2658393</v>
      </c>
      <c r="N1481" s="12">
        <v>1</v>
      </c>
    </row>
    <row r="1482" spans="1:14" ht="114" x14ac:dyDescent="0.2">
      <c r="A1482" s="8" t="s">
        <v>4501</v>
      </c>
      <c r="B1482" s="8">
        <v>4.9721420931677002E-2</v>
      </c>
      <c r="C1482" s="8">
        <v>4.2428757743755803</v>
      </c>
      <c r="D1482" s="8">
        <v>0.76967122305485902</v>
      </c>
      <c r="E1482" s="26">
        <v>0.449948457804071</v>
      </c>
      <c r="F1482" s="8">
        <v>0.50257044636538295</v>
      </c>
      <c r="G1482" s="8">
        <v>-8.1090139010453406</v>
      </c>
      <c r="H1482" s="8">
        <v>64979</v>
      </c>
      <c r="I1482" s="8" t="s">
        <v>4502</v>
      </c>
      <c r="J1482" s="11" t="s">
        <v>4503</v>
      </c>
      <c r="K1482" s="8">
        <v>5</v>
      </c>
      <c r="L1482" s="8">
        <v>1798386</v>
      </c>
      <c r="M1482" s="8">
        <v>1801366</v>
      </c>
      <c r="N1482" s="12">
        <v>-1</v>
      </c>
    </row>
    <row r="1483" spans="1:14" ht="99.75" x14ac:dyDescent="0.2">
      <c r="A1483" s="8" t="s">
        <v>4504</v>
      </c>
      <c r="B1483" s="8">
        <v>-3.7254430505880599E-2</v>
      </c>
      <c r="C1483" s="8">
        <v>4.4268919457285003</v>
      </c>
      <c r="D1483" s="8">
        <v>-0.76950101319562803</v>
      </c>
      <c r="E1483" s="26">
        <v>0.45004731753617</v>
      </c>
      <c r="F1483" s="8">
        <v>0.50265128273108695</v>
      </c>
      <c r="G1483" s="8">
        <v>-8.1525841208264893</v>
      </c>
      <c r="H1483" s="8">
        <v>5438</v>
      </c>
      <c r="I1483" s="8" t="s">
        <v>4505</v>
      </c>
      <c r="J1483" s="11" t="s">
        <v>4506</v>
      </c>
      <c r="K1483" s="8">
        <v>19</v>
      </c>
      <c r="L1483" s="8">
        <v>36113710</v>
      </c>
      <c r="M1483" s="8">
        <v>36115346</v>
      </c>
      <c r="N1483" s="12">
        <v>-1</v>
      </c>
    </row>
    <row r="1484" spans="1:14" ht="142.5" x14ac:dyDescent="0.2">
      <c r="A1484" s="8" t="s">
        <v>4507</v>
      </c>
      <c r="B1484" s="8">
        <v>3.7790895546257801E-2</v>
      </c>
      <c r="C1484" s="8">
        <v>5.2875461870548301</v>
      </c>
      <c r="D1484" s="8">
        <v>0.76869712523604095</v>
      </c>
      <c r="E1484" s="26">
        <v>0.45051440262631398</v>
      </c>
      <c r="F1484" s="8">
        <v>0.50311374204905301</v>
      </c>
      <c r="G1484" s="8">
        <v>-8.3398521302636404</v>
      </c>
      <c r="H1484" s="8">
        <v>5546</v>
      </c>
      <c r="I1484" s="8" t="s">
        <v>4508</v>
      </c>
      <c r="J1484" s="11" t="s">
        <v>4509</v>
      </c>
      <c r="K1484" s="8">
        <v>1</v>
      </c>
      <c r="L1484" s="8">
        <v>156750610</v>
      </c>
      <c r="M1484" s="8">
        <v>156800817</v>
      </c>
      <c r="N1484" s="12">
        <v>1</v>
      </c>
    </row>
    <row r="1485" spans="1:14" ht="156.75" x14ac:dyDescent="0.2">
      <c r="A1485" s="8" t="s">
        <v>4510</v>
      </c>
      <c r="B1485" s="8">
        <v>2.74483308526303E-2</v>
      </c>
      <c r="C1485" s="8">
        <v>6.4438547392923704</v>
      </c>
      <c r="D1485" s="8">
        <v>0.765566373549461</v>
      </c>
      <c r="E1485" s="26">
        <v>0.45233627358894501</v>
      </c>
      <c r="F1485" s="8">
        <v>0.50488092365000703</v>
      </c>
      <c r="G1485" s="8">
        <v>-8.4972862141686907</v>
      </c>
      <c r="H1485" s="8">
        <v>6829</v>
      </c>
      <c r="I1485" s="8" t="s">
        <v>4511</v>
      </c>
      <c r="J1485" s="11" t="s">
        <v>4512</v>
      </c>
      <c r="K1485" s="8">
        <v>19</v>
      </c>
      <c r="L1485" s="8">
        <v>39436156</v>
      </c>
      <c r="M1485" s="8">
        <v>39476670</v>
      </c>
      <c r="N1485" s="12">
        <v>1</v>
      </c>
    </row>
    <row r="1486" spans="1:14" ht="99.75" x14ac:dyDescent="0.2">
      <c r="A1486" s="8" t="s">
        <v>4513</v>
      </c>
      <c r="B1486" s="8">
        <v>-6.7205463909953495E-2</v>
      </c>
      <c r="C1486" s="8">
        <v>2.9020228671212802</v>
      </c>
      <c r="D1486" s="8">
        <v>-0.76494781901634001</v>
      </c>
      <c r="E1486" s="26">
        <v>0.45269675478442001</v>
      </c>
      <c r="F1486" s="8">
        <v>0.50522384824417399</v>
      </c>
      <c r="G1486" s="8">
        <v>-7.7442856557159798</v>
      </c>
      <c r="H1486" s="8">
        <v>124801</v>
      </c>
      <c r="I1486" s="8" t="s">
        <v>4514</v>
      </c>
      <c r="J1486" s="11" t="s">
        <v>4515</v>
      </c>
      <c r="K1486" s="8">
        <v>17</v>
      </c>
      <c r="L1486" s="8">
        <v>44034635</v>
      </c>
      <c r="M1486" s="8">
        <v>44067619</v>
      </c>
      <c r="N1486" s="12">
        <v>-1</v>
      </c>
    </row>
    <row r="1487" spans="1:14" ht="128.25" x14ac:dyDescent="0.2">
      <c r="A1487" s="8" t="s">
        <v>4516</v>
      </c>
      <c r="B1487" s="8">
        <v>3.1501616321903299E-2</v>
      </c>
      <c r="C1487" s="8">
        <v>5.7604202956275401</v>
      </c>
      <c r="D1487" s="8">
        <v>0.75788071155919901</v>
      </c>
      <c r="E1487" s="26">
        <v>0.45682765053978402</v>
      </c>
      <c r="F1487" s="8">
        <v>0.50929493151765204</v>
      </c>
      <c r="G1487" s="8">
        <v>-8.4250481039257998</v>
      </c>
      <c r="H1487" s="8">
        <v>79033</v>
      </c>
      <c r="I1487" s="8" t="s">
        <v>4517</v>
      </c>
      <c r="J1487" s="11" t="s">
        <v>4518</v>
      </c>
      <c r="K1487" s="8">
        <v>1</v>
      </c>
      <c r="L1487" s="8">
        <v>44221070</v>
      </c>
      <c r="M1487" s="8">
        <v>44355260</v>
      </c>
      <c r="N1487" s="12">
        <v>-1</v>
      </c>
    </row>
    <row r="1488" spans="1:14" ht="156.75" x14ac:dyDescent="0.2">
      <c r="A1488" s="8" t="s">
        <v>4519</v>
      </c>
      <c r="B1488" s="8">
        <v>4.4423830067414898E-2</v>
      </c>
      <c r="C1488" s="8">
        <v>4.76712475306506</v>
      </c>
      <c r="D1488" s="8">
        <v>0.75376484869509897</v>
      </c>
      <c r="E1488" s="26">
        <v>0.459243899034184</v>
      </c>
      <c r="F1488" s="8">
        <v>0.51168808548448297</v>
      </c>
      <c r="G1488" s="8">
        <v>-8.2462760876423893</v>
      </c>
      <c r="H1488" s="8">
        <v>84285</v>
      </c>
      <c r="I1488" s="8" t="s">
        <v>4520</v>
      </c>
      <c r="J1488" s="11" t="s">
        <v>4521</v>
      </c>
      <c r="K1488" s="8">
        <v>11</v>
      </c>
      <c r="L1488" s="8">
        <v>65996545</v>
      </c>
      <c r="M1488" s="8">
        <v>66002176</v>
      </c>
      <c r="N1488" s="12">
        <v>-1</v>
      </c>
    </row>
    <row r="1489" spans="1:14" ht="114" x14ac:dyDescent="0.2">
      <c r="A1489" s="8" t="s">
        <v>4522</v>
      </c>
      <c r="B1489" s="8">
        <v>-6.28448460816E-2</v>
      </c>
      <c r="C1489" s="8">
        <v>2.88683983760769</v>
      </c>
      <c r="D1489" s="8">
        <v>-0.75257126961354903</v>
      </c>
      <c r="E1489" s="26">
        <v>0.45994603144468299</v>
      </c>
      <c r="F1489" s="8">
        <v>0.51231999992520705</v>
      </c>
      <c r="G1489" s="8">
        <v>-7.74943735277943</v>
      </c>
      <c r="H1489" s="8">
        <v>150962</v>
      </c>
      <c r="I1489" s="8" t="s">
        <v>4523</v>
      </c>
      <c r="J1489" s="11" t="s">
        <v>4524</v>
      </c>
      <c r="K1489" s="8">
        <v>2</v>
      </c>
      <c r="L1489" s="8">
        <v>60940222</v>
      </c>
      <c r="M1489" s="8">
        <v>61018259</v>
      </c>
      <c r="N1489" s="12">
        <v>-1</v>
      </c>
    </row>
    <row r="1490" spans="1:14" ht="128.25" x14ac:dyDescent="0.2">
      <c r="A1490" s="8" t="s">
        <v>4525</v>
      </c>
      <c r="B1490" s="8">
        <v>5.8350000683784903E-2</v>
      </c>
      <c r="C1490" s="8">
        <v>3.3342125237737901</v>
      </c>
      <c r="D1490" s="8">
        <v>0.74812783711347297</v>
      </c>
      <c r="E1490" s="26">
        <v>0.46256556994345999</v>
      </c>
      <c r="F1490" s="8">
        <v>0.51496578791605296</v>
      </c>
      <c r="G1490" s="8">
        <v>-7.8828242627405398</v>
      </c>
      <c r="H1490" s="8">
        <v>51106</v>
      </c>
      <c r="I1490" s="8" t="s">
        <v>4526</v>
      </c>
      <c r="J1490" s="11" t="s">
        <v>4527</v>
      </c>
      <c r="K1490" s="8">
        <v>6</v>
      </c>
      <c r="L1490" s="8">
        <v>155257509</v>
      </c>
      <c r="M1490" s="8">
        <v>155314493</v>
      </c>
      <c r="N1490" s="12">
        <v>-1</v>
      </c>
    </row>
    <row r="1491" spans="1:14" ht="142.5" x14ac:dyDescent="0.2">
      <c r="A1491" s="8" t="s">
        <v>4528</v>
      </c>
      <c r="B1491" s="8">
        <v>4.1165328809590597E-2</v>
      </c>
      <c r="C1491" s="8">
        <v>5.19126880502216</v>
      </c>
      <c r="D1491" s="8">
        <v>0.74738418562052</v>
      </c>
      <c r="E1491" s="26">
        <v>0.46300484488676202</v>
      </c>
      <c r="F1491" s="8">
        <v>0.51539435367292796</v>
      </c>
      <c r="G1491" s="8">
        <v>-8.3384589472222999</v>
      </c>
      <c r="H1491" s="8">
        <v>8148</v>
      </c>
      <c r="I1491" s="8" t="s">
        <v>4529</v>
      </c>
      <c r="J1491" s="11" t="s">
        <v>4530</v>
      </c>
      <c r="K1491" s="8">
        <v>17</v>
      </c>
      <c r="L1491" s="8">
        <v>35713791</v>
      </c>
      <c r="M1491" s="8">
        <v>35864615</v>
      </c>
      <c r="N1491" s="12">
        <v>1</v>
      </c>
    </row>
    <row r="1492" spans="1:14" ht="114" x14ac:dyDescent="0.2">
      <c r="A1492" s="8" t="s">
        <v>4531</v>
      </c>
      <c r="B1492" s="8">
        <v>-2.6432729480091201E-2</v>
      </c>
      <c r="C1492" s="8">
        <v>6.9541212972953499</v>
      </c>
      <c r="D1492" s="8">
        <v>-0.73947772502082099</v>
      </c>
      <c r="E1492" s="26">
        <v>0.46769057847087098</v>
      </c>
      <c r="F1492" s="8">
        <v>0.519817506597267</v>
      </c>
      <c r="G1492" s="8">
        <v>-8.5555604178277793</v>
      </c>
      <c r="H1492" s="8">
        <v>8721</v>
      </c>
      <c r="I1492" s="8" t="s">
        <v>4532</v>
      </c>
      <c r="J1492" s="11" t="s">
        <v>4533</v>
      </c>
      <c r="K1492" s="8">
        <v>9</v>
      </c>
      <c r="L1492" s="8">
        <v>136862119</v>
      </c>
      <c r="M1492" s="8">
        <v>136866286</v>
      </c>
      <c r="N1492" s="12">
        <v>-1</v>
      </c>
    </row>
    <row r="1493" spans="1:14" ht="142.5" x14ac:dyDescent="0.2">
      <c r="A1493" s="8" t="s">
        <v>4534</v>
      </c>
      <c r="B1493" s="8">
        <v>3.5897090599239498E-2</v>
      </c>
      <c r="C1493" s="8">
        <v>5.1616097966285297</v>
      </c>
      <c r="D1493" s="8">
        <v>0.73890923402317499</v>
      </c>
      <c r="E1493" s="26">
        <v>0.46802857472873999</v>
      </c>
      <c r="F1493" s="8">
        <v>0.52016270937788001</v>
      </c>
      <c r="G1493" s="8">
        <v>-8.3391430642301003</v>
      </c>
      <c r="H1493" s="8">
        <v>84294</v>
      </c>
      <c r="I1493" s="8" t="s">
        <v>4535</v>
      </c>
      <c r="J1493" s="11" t="s">
        <v>4536</v>
      </c>
      <c r="K1493" s="8">
        <v>8</v>
      </c>
      <c r="L1493" s="8">
        <v>116766503</v>
      </c>
      <c r="M1493" s="8">
        <v>116849463</v>
      </c>
      <c r="N1493" s="12">
        <v>1</v>
      </c>
    </row>
    <row r="1494" spans="1:14" ht="114" x14ac:dyDescent="0.2">
      <c r="A1494" s="8" t="s">
        <v>4537</v>
      </c>
      <c r="B1494" s="8">
        <v>-7.3542256905871503E-2</v>
      </c>
      <c r="C1494" s="8">
        <v>2.5280212100999502</v>
      </c>
      <c r="D1494" s="8">
        <v>-0.73695519552618904</v>
      </c>
      <c r="E1494" s="26">
        <v>0.46919145329158801</v>
      </c>
      <c r="F1494" s="8">
        <v>0.52127195182451103</v>
      </c>
      <c r="G1494" s="8">
        <v>-7.6580185818152398</v>
      </c>
      <c r="H1494" s="8">
        <v>375287</v>
      </c>
      <c r="I1494" s="8" t="s">
        <v>4538</v>
      </c>
      <c r="J1494" s="11" t="s">
        <v>4539</v>
      </c>
      <c r="K1494" s="8">
        <v>2</v>
      </c>
      <c r="L1494" s="8">
        <v>151247940</v>
      </c>
      <c r="M1494" s="8">
        <v>151261879</v>
      </c>
      <c r="N1494" s="12">
        <v>-1</v>
      </c>
    </row>
    <row r="1495" spans="1:14" ht="114" x14ac:dyDescent="0.2">
      <c r="A1495" s="8" t="s">
        <v>4540</v>
      </c>
      <c r="B1495" s="8">
        <v>-3.31242702589023E-2</v>
      </c>
      <c r="C1495" s="8">
        <v>5.9856326519827796</v>
      </c>
      <c r="D1495" s="8">
        <v>-0.73586385122877795</v>
      </c>
      <c r="E1495" s="26">
        <v>0.46984167390197101</v>
      </c>
      <c r="F1495" s="8">
        <v>0.52187213612160899</v>
      </c>
      <c r="G1495" s="8">
        <v>-8.4707355499701809</v>
      </c>
      <c r="H1495" s="8">
        <v>79068</v>
      </c>
      <c r="I1495" s="8" t="s">
        <v>4541</v>
      </c>
      <c r="J1495" s="11" t="s">
        <v>4542</v>
      </c>
      <c r="K1495" s="8">
        <v>16</v>
      </c>
      <c r="L1495" s="8">
        <v>53701692</v>
      </c>
      <c r="M1495" s="8">
        <v>54158512</v>
      </c>
      <c r="N1495" s="12">
        <v>1</v>
      </c>
    </row>
    <row r="1496" spans="1:14" ht="128.25" x14ac:dyDescent="0.2">
      <c r="A1496" s="8" t="s">
        <v>4543</v>
      </c>
      <c r="B1496" s="8">
        <v>-3.1625466131946403E-2</v>
      </c>
      <c r="C1496" s="8">
        <v>6.5208060601238804</v>
      </c>
      <c r="D1496" s="8">
        <v>-0.73324267473876203</v>
      </c>
      <c r="E1496" s="26">
        <v>0.47140554355720998</v>
      </c>
      <c r="F1496" s="8">
        <v>0.52330289558848697</v>
      </c>
      <c r="G1496" s="8">
        <v>-8.5280791102153604</v>
      </c>
      <c r="H1496" s="8">
        <v>23196</v>
      </c>
      <c r="I1496" s="8" t="s">
        <v>4544</v>
      </c>
      <c r="J1496" s="11" t="s">
        <v>4545</v>
      </c>
      <c r="K1496" s="8">
        <v>9</v>
      </c>
      <c r="L1496" s="8">
        <v>93451722</v>
      </c>
      <c r="M1496" s="8">
        <v>93566107</v>
      </c>
      <c r="N1496" s="12">
        <v>1</v>
      </c>
    </row>
    <row r="1497" spans="1:14" ht="128.25" x14ac:dyDescent="0.2">
      <c r="A1497" s="8" t="s">
        <v>4546</v>
      </c>
      <c r="B1497" s="8">
        <v>3.6544748827171999E-2</v>
      </c>
      <c r="C1497" s="8">
        <v>4.9749446863270403</v>
      </c>
      <c r="D1497" s="8">
        <v>0.73264796888964701</v>
      </c>
      <c r="E1497" s="26">
        <v>0.47176079002733901</v>
      </c>
      <c r="F1497" s="8">
        <v>0.52357474193513198</v>
      </c>
      <c r="G1497" s="8">
        <v>-8.3065868183448401</v>
      </c>
      <c r="H1497" s="8">
        <v>57690</v>
      </c>
      <c r="I1497" s="8" t="s">
        <v>4547</v>
      </c>
      <c r="J1497" s="11" t="s">
        <v>4548</v>
      </c>
      <c r="K1497" s="8">
        <v>17</v>
      </c>
      <c r="L1497" s="8">
        <v>77959240</v>
      </c>
      <c r="M1497" s="8">
        <v>78108835</v>
      </c>
      <c r="N1497" s="12">
        <v>1</v>
      </c>
    </row>
    <row r="1498" spans="1:14" ht="142.5" x14ac:dyDescent="0.2">
      <c r="A1498" s="8" t="s">
        <v>4549</v>
      </c>
      <c r="B1498" s="8">
        <v>4.3589642812293099E-2</v>
      </c>
      <c r="C1498" s="8">
        <v>4.2023611017331</v>
      </c>
      <c r="D1498" s="8">
        <v>0.72525936911128497</v>
      </c>
      <c r="E1498" s="26">
        <v>0.47618752442969697</v>
      </c>
      <c r="F1498" s="8">
        <v>0.52790107787722695</v>
      </c>
      <c r="G1498" s="8">
        <v>-8.1324447503175996</v>
      </c>
      <c r="H1498" s="8">
        <v>55695</v>
      </c>
      <c r="I1498" s="8" t="s">
        <v>4550</v>
      </c>
      <c r="J1498" s="11" t="s">
        <v>4551</v>
      </c>
      <c r="K1498" s="8">
        <v>7</v>
      </c>
      <c r="L1498" s="8">
        <v>73302517</v>
      </c>
      <c r="M1498" s="8">
        <v>73308867</v>
      </c>
      <c r="N1498" s="12">
        <v>-1</v>
      </c>
    </row>
    <row r="1499" spans="1:14" ht="142.5" x14ac:dyDescent="0.2">
      <c r="A1499" s="8" t="s">
        <v>4552</v>
      </c>
      <c r="B1499" s="8">
        <v>-3.13161407675384E-2</v>
      </c>
      <c r="C1499" s="8">
        <v>5.5652344523752699</v>
      </c>
      <c r="D1499" s="8">
        <v>-0.72069896220658503</v>
      </c>
      <c r="E1499" s="26">
        <v>0.478931938602568</v>
      </c>
      <c r="F1499" s="8">
        <v>0.53057159362877604</v>
      </c>
      <c r="G1499" s="8">
        <v>-8.4225380163268007</v>
      </c>
      <c r="H1499" s="8">
        <v>6895</v>
      </c>
      <c r="I1499" s="8" t="s">
        <v>4553</v>
      </c>
      <c r="J1499" s="11" t="s">
        <v>4554</v>
      </c>
      <c r="K1499" s="8">
        <v>12</v>
      </c>
      <c r="L1499" s="8">
        <v>53500921</v>
      </c>
      <c r="M1499" s="8">
        <v>53506431</v>
      </c>
      <c r="N1499" s="12">
        <v>1</v>
      </c>
    </row>
    <row r="1500" spans="1:14" ht="99.75" x14ac:dyDescent="0.2">
      <c r="A1500" s="8" t="s">
        <v>4555</v>
      </c>
      <c r="B1500" s="8">
        <v>-3.1702543035422102E-2</v>
      </c>
      <c r="C1500" s="8">
        <v>6.1368055528136498</v>
      </c>
      <c r="D1500" s="8">
        <v>-0.71727697421477699</v>
      </c>
      <c r="E1500" s="26">
        <v>0.48099732749145102</v>
      </c>
      <c r="F1500" s="8">
        <v>0.53254879135386601</v>
      </c>
      <c r="G1500" s="8">
        <v>-8.5023216363370899</v>
      </c>
      <c r="H1500" s="8">
        <v>6134</v>
      </c>
      <c r="I1500" s="8" t="s">
        <v>4556</v>
      </c>
      <c r="J1500" s="11" t="s">
        <v>4557</v>
      </c>
      <c r="K1500" s="8" t="s">
        <v>108</v>
      </c>
      <c r="L1500" s="8">
        <v>154389955</v>
      </c>
      <c r="M1500" s="8">
        <v>154409168</v>
      </c>
      <c r="N1500" s="12">
        <v>1</v>
      </c>
    </row>
    <row r="1501" spans="1:14" ht="114" x14ac:dyDescent="0.2">
      <c r="A1501" s="8" t="s">
        <v>4558</v>
      </c>
      <c r="B1501" s="8">
        <v>-4.3977373764281201E-2</v>
      </c>
      <c r="C1501" s="8">
        <v>3.82454145744203</v>
      </c>
      <c r="D1501" s="8">
        <v>-0.70620874476806095</v>
      </c>
      <c r="E1501" s="26">
        <v>0.48771319178615602</v>
      </c>
      <c r="F1501" s="8">
        <v>0.53916656416904796</v>
      </c>
      <c r="G1501" s="8">
        <v>-8.0449077959642494</v>
      </c>
      <c r="H1501" s="8">
        <v>51069</v>
      </c>
      <c r="I1501" s="8" t="s">
        <v>4559</v>
      </c>
      <c r="J1501" s="11" t="s">
        <v>4560</v>
      </c>
      <c r="K1501" s="8">
        <v>6</v>
      </c>
      <c r="L1501" s="8">
        <v>43054029</v>
      </c>
      <c r="M1501" s="8">
        <v>43059806</v>
      </c>
      <c r="N1501" s="12">
        <v>-1</v>
      </c>
    </row>
    <row r="1502" spans="1:14" ht="85.5" x14ac:dyDescent="0.2">
      <c r="A1502" s="8" t="s">
        <v>4561</v>
      </c>
      <c r="B1502" s="8">
        <v>-2.63330439216851E-2</v>
      </c>
      <c r="C1502" s="8">
        <v>6.2197377699632002</v>
      </c>
      <c r="D1502" s="8">
        <v>-0.70010802666519301</v>
      </c>
      <c r="E1502" s="26">
        <v>0.49143799510735903</v>
      </c>
      <c r="F1502" s="8">
        <v>0.54284160844891405</v>
      </c>
      <c r="G1502" s="8">
        <v>-8.5238028631753</v>
      </c>
      <c r="H1502" s="8">
        <v>8189</v>
      </c>
      <c r="I1502" s="8" t="s">
        <v>4562</v>
      </c>
      <c r="J1502" s="11" t="s">
        <v>4563</v>
      </c>
      <c r="K1502" s="8">
        <v>19</v>
      </c>
      <c r="L1502" s="8">
        <v>45815410</v>
      </c>
      <c r="M1502" s="8">
        <v>45863290</v>
      </c>
      <c r="N1502" s="12">
        <v>-1</v>
      </c>
    </row>
    <row r="1503" spans="1:14" ht="99.75" x14ac:dyDescent="0.2">
      <c r="A1503" s="8" t="s">
        <v>4564</v>
      </c>
      <c r="B1503" s="8">
        <v>2.7403016343250802E-2</v>
      </c>
      <c r="C1503" s="8">
        <v>6.0453374446815102</v>
      </c>
      <c r="D1503" s="8">
        <v>0.69652999602024301</v>
      </c>
      <c r="E1503" s="26">
        <v>0.49363016294195999</v>
      </c>
      <c r="F1503" s="8">
        <v>0.54510442840556195</v>
      </c>
      <c r="G1503" s="8">
        <v>-8.5075631164363905</v>
      </c>
      <c r="H1503" s="8">
        <v>90957</v>
      </c>
      <c r="I1503" s="8" t="s">
        <v>4565</v>
      </c>
      <c r="J1503" s="11" t="s">
        <v>4566</v>
      </c>
      <c r="K1503" s="8">
        <v>2</v>
      </c>
      <c r="L1503" s="8">
        <v>38797729</v>
      </c>
      <c r="M1503" s="8">
        <v>38875934</v>
      </c>
      <c r="N1503" s="12">
        <v>-1</v>
      </c>
    </row>
    <row r="1504" spans="1:14" ht="171" x14ac:dyDescent="0.2">
      <c r="A1504" s="8" t="s">
        <v>4567</v>
      </c>
      <c r="B1504" s="8">
        <v>-2.4390299203899301E-2</v>
      </c>
      <c r="C1504" s="8">
        <v>7.0847625635979403</v>
      </c>
      <c r="D1504" s="8">
        <v>-0.69254587120790001</v>
      </c>
      <c r="E1504" s="26">
        <v>0.49607772266448102</v>
      </c>
      <c r="F1504" s="8">
        <v>0.54757776149023796</v>
      </c>
      <c r="G1504" s="8">
        <v>-8.5983828611686803</v>
      </c>
      <c r="H1504" s="8">
        <v>25804</v>
      </c>
      <c r="I1504" s="8" t="s">
        <v>4568</v>
      </c>
      <c r="J1504" s="11" t="s">
        <v>4569</v>
      </c>
      <c r="K1504" s="8">
        <v>19</v>
      </c>
      <c r="L1504" s="8">
        <v>18306230</v>
      </c>
      <c r="M1504" s="8">
        <v>18323274</v>
      </c>
      <c r="N1504" s="12">
        <v>-1</v>
      </c>
    </row>
    <row r="1505" spans="1:14" ht="156.75" x14ac:dyDescent="0.2">
      <c r="A1505" s="8" t="s">
        <v>4570</v>
      </c>
      <c r="B1505" s="8">
        <v>3.64336255922924E-2</v>
      </c>
      <c r="C1505" s="8">
        <v>6.2432751957834798</v>
      </c>
      <c r="D1505" s="8">
        <v>0.68996962911805804</v>
      </c>
      <c r="E1505" s="26">
        <v>0.49766406807418301</v>
      </c>
      <c r="F1505" s="8">
        <v>0.54898395744020101</v>
      </c>
      <c r="G1505" s="8">
        <v>-8.5341924476092608</v>
      </c>
      <c r="H1505" s="8">
        <v>4809</v>
      </c>
      <c r="I1505" s="8" t="s">
        <v>4571</v>
      </c>
      <c r="J1505" s="11" t="s">
        <v>4572</v>
      </c>
      <c r="K1505" s="8">
        <v>22</v>
      </c>
      <c r="L1505" s="8">
        <v>41673930</v>
      </c>
      <c r="M1505" s="8">
        <v>41690504</v>
      </c>
      <c r="N1505" s="12">
        <v>-1</v>
      </c>
    </row>
    <row r="1506" spans="1:14" ht="99.75" x14ac:dyDescent="0.2">
      <c r="A1506" s="8" t="s">
        <v>4573</v>
      </c>
      <c r="B1506" s="8">
        <v>-2.93004863563304E-2</v>
      </c>
      <c r="C1506" s="8">
        <v>8.2715744275213403</v>
      </c>
      <c r="D1506" s="8">
        <v>-0.68785920802423495</v>
      </c>
      <c r="E1506" s="26">
        <v>0.49896573363819002</v>
      </c>
      <c r="F1506" s="8">
        <v>0.55025992138841995</v>
      </c>
      <c r="G1506" s="8">
        <v>-8.6701405734626693</v>
      </c>
      <c r="H1506" s="8">
        <v>389421</v>
      </c>
      <c r="I1506" s="8" t="s">
        <v>4574</v>
      </c>
      <c r="J1506" s="11" t="s">
        <v>4575</v>
      </c>
      <c r="K1506" s="8">
        <v>6</v>
      </c>
      <c r="L1506" s="8">
        <v>104936616</v>
      </c>
      <c r="M1506" s="8">
        <v>105083332</v>
      </c>
      <c r="N1506" s="12">
        <v>1</v>
      </c>
    </row>
    <row r="1507" spans="1:14" ht="128.25" x14ac:dyDescent="0.2">
      <c r="A1507" s="8" t="s">
        <v>4576</v>
      </c>
      <c r="B1507" s="8">
        <v>-3.15601187896268E-2</v>
      </c>
      <c r="C1507" s="8">
        <v>6.7663456855519399</v>
      </c>
      <c r="D1507" s="8">
        <v>-0.68605286326884396</v>
      </c>
      <c r="E1507" s="26">
        <v>0.50008138938217395</v>
      </c>
      <c r="F1507" s="8">
        <v>0.55126601953561005</v>
      </c>
      <c r="G1507" s="8">
        <v>-8.5815087193941793</v>
      </c>
      <c r="H1507" s="8">
        <v>8562</v>
      </c>
      <c r="I1507" s="8" t="s">
        <v>4577</v>
      </c>
      <c r="J1507" s="11" t="s">
        <v>4578</v>
      </c>
      <c r="K1507" s="8">
        <v>12</v>
      </c>
      <c r="L1507" s="8">
        <v>122752774</v>
      </c>
      <c r="M1507" s="8">
        <v>122771064</v>
      </c>
      <c r="N1507" s="12">
        <v>1</v>
      </c>
    </row>
    <row r="1508" spans="1:14" ht="114" x14ac:dyDescent="0.2">
      <c r="A1508" s="8" t="s">
        <v>4579</v>
      </c>
      <c r="B1508" s="8">
        <v>4.65461923715349E-2</v>
      </c>
      <c r="C1508" s="8">
        <v>7.3898435510891298</v>
      </c>
      <c r="D1508" s="8">
        <v>0.68166901419218495</v>
      </c>
      <c r="E1508" s="26">
        <v>0.50279488280735496</v>
      </c>
      <c r="F1508" s="8">
        <v>0.55380686580969196</v>
      </c>
      <c r="G1508" s="8">
        <v>-8.6251851705652793</v>
      </c>
      <c r="H1508" s="8">
        <v>1728</v>
      </c>
      <c r="I1508" s="8" t="s">
        <v>4580</v>
      </c>
      <c r="J1508" s="11" t="s">
        <v>4581</v>
      </c>
      <c r="K1508" s="8">
        <v>16</v>
      </c>
      <c r="L1508" s="8">
        <v>69706996</v>
      </c>
      <c r="M1508" s="8">
        <v>69726951</v>
      </c>
      <c r="N1508" s="12">
        <v>-1</v>
      </c>
    </row>
    <row r="1509" spans="1:14" ht="114" x14ac:dyDescent="0.2">
      <c r="A1509" s="8" t="s">
        <v>4582</v>
      </c>
      <c r="B1509" s="8">
        <v>2.9542860905547901E-2</v>
      </c>
      <c r="C1509" s="8">
        <v>4.9836726439538603</v>
      </c>
      <c r="D1509" s="8">
        <v>0.675069111353089</v>
      </c>
      <c r="E1509" s="26">
        <v>0.50689574373999102</v>
      </c>
      <c r="F1509" s="8">
        <v>0.55796754808316695</v>
      </c>
      <c r="G1509" s="8">
        <v>-8.3496494820020395</v>
      </c>
      <c r="H1509" s="8">
        <v>92399</v>
      </c>
      <c r="I1509" s="8" t="s">
        <v>4583</v>
      </c>
      <c r="J1509" s="11" t="s">
        <v>4584</v>
      </c>
      <c r="K1509" s="8">
        <v>9</v>
      </c>
      <c r="L1509" s="8">
        <v>122264603</v>
      </c>
      <c r="M1509" s="8">
        <v>122331343</v>
      </c>
      <c r="N1509" s="12">
        <v>1</v>
      </c>
    </row>
    <row r="1510" spans="1:14" ht="114" x14ac:dyDescent="0.2">
      <c r="A1510" s="8" t="s">
        <v>4585</v>
      </c>
      <c r="B1510" s="8">
        <v>3.5144724306628697E-2</v>
      </c>
      <c r="C1510" s="8">
        <v>4.7986540908426303</v>
      </c>
      <c r="D1510" s="8">
        <v>0.673773297931614</v>
      </c>
      <c r="E1510" s="26">
        <v>0.50770310698236698</v>
      </c>
      <c r="F1510" s="8">
        <v>0.55872662150338503</v>
      </c>
      <c r="G1510" s="8">
        <v>-8.3114353887674692</v>
      </c>
      <c r="H1510" s="8">
        <v>54148</v>
      </c>
      <c r="I1510" s="8" t="s">
        <v>4586</v>
      </c>
      <c r="J1510" s="11" t="s">
        <v>4587</v>
      </c>
      <c r="K1510" s="8">
        <v>21</v>
      </c>
      <c r="L1510" s="8">
        <v>25585656</v>
      </c>
      <c r="M1510" s="8">
        <v>25607517</v>
      </c>
      <c r="N1510" s="12">
        <v>-1</v>
      </c>
    </row>
    <row r="1511" spans="1:14" ht="156.75" x14ac:dyDescent="0.2">
      <c r="A1511" s="8" t="s">
        <v>4588</v>
      </c>
      <c r="B1511" s="8">
        <v>3.3110408868151503E-2</v>
      </c>
      <c r="C1511" s="8">
        <v>5.1492461809821304</v>
      </c>
      <c r="D1511" s="8">
        <v>0.67273213356964401</v>
      </c>
      <c r="E1511" s="26">
        <v>0.50835233362333698</v>
      </c>
      <c r="F1511" s="8">
        <v>0.559343783566422</v>
      </c>
      <c r="G1511" s="8">
        <v>-8.3843910874797807</v>
      </c>
      <c r="H1511" s="8">
        <v>6636</v>
      </c>
      <c r="I1511" s="8" t="s">
        <v>4589</v>
      </c>
      <c r="J1511" s="11" t="s">
        <v>4590</v>
      </c>
      <c r="K1511" s="8">
        <v>12</v>
      </c>
      <c r="L1511" s="8">
        <v>95858928</v>
      </c>
      <c r="M1511" s="8">
        <v>95903828</v>
      </c>
      <c r="N1511" s="12">
        <v>1</v>
      </c>
    </row>
    <row r="1512" spans="1:14" ht="114" x14ac:dyDescent="0.2">
      <c r="A1512" s="8" t="s">
        <v>4591</v>
      </c>
      <c r="B1512" s="8">
        <v>-3.3951068923535402E-2</v>
      </c>
      <c r="C1512" s="8">
        <v>5.9393529401528502</v>
      </c>
      <c r="D1512" s="8">
        <v>-0.66838350085987797</v>
      </c>
      <c r="E1512" s="26">
        <v>0.51106899695768104</v>
      </c>
      <c r="F1512" s="8">
        <v>0.56184430281925102</v>
      </c>
      <c r="G1512" s="8">
        <v>-8.5135172423770307</v>
      </c>
      <c r="H1512" s="8">
        <v>51377</v>
      </c>
      <c r="I1512" s="8" t="s">
        <v>4592</v>
      </c>
      <c r="J1512" s="11" t="s">
        <v>4593</v>
      </c>
      <c r="K1512" s="8">
        <v>1</v>
      </c>
      <c r="L1512" s="8">
        <v>193012250</v>
      </c>
      <c r="M1512" s="8">
        <v>193060080</v>
      </c>
      <c r="N1512" s="12">
        <v>-1</v>
      </c>
    </row>
    <row r="1513" spans="1:14" ht="114" x14ac:dyDescent="0.2">
      <c r="A1513" s="8" t="s">
        <v>4594</v>
      </c>
      <c r="B1513" s="8">
        <v>-4.1567400120243299E-2</v>
      </c>
      <c r="C1513" s="8">
        <v>4.4296350710950403</v>
      </c>
      <c r="D1513" s="8">
        <v>-0.66411438761846697</v>
      </c>
      <c r="E1513" s="26">
        <v>0.513743871356657</v>
      </c>
      <c r="F1513" s="8">
        <v>0.56426191959342997</v>
      </c>
      <c r="G1513" s="8">
        <v>-8.2302211807512098</v>
      </c>
      <c r="H1513" s="8">
        <v>28957</v>
      </c>
      <c r="I1513" s="8" t="s">
        <v>4595</v>
      </c>
      <c r="J1513" s="11" t="s">
        <v>4596</v>
      </c>
      <c r="K1513" s="8">
        <v>8</v>
      </c>
      <c r="L1513" s="8">
        <v>79918717</v>
      </c>
      <c r="M1513" s="8">
        <v>80030289</v>
      </c>
      <c r="N1513" s="12">
        <v>-1</v>
      </c>
    </row>
    <row r="1514" spans="1:14" ht="85.5" x14ac:dyDescent="0.2">
      <c r="A1514" s="8" t="s">
        <v>4597</v>
      </c>
      <c r="B1514" s="8">
        <v>2.6338044100629801E-2</v>
      </c>
      <c r="C1514" s="8">
        <v>8.0713592526265305</v>
      </c>
      <c r="D1514" s="8">
        <v>0.64959253341483203</v>
      </c>
      <c r="E1514" s="26">
        <v>0.52290091271735495</v>
      </c>
      <c r="F1514" s="8">
        <v>0.57317591498196696</v>
      </c>
      <c r="G1514" s="8">
        <v>-8.6858323990272499</v>
      </c>
      <c r="H1514" s="8">
        <v>7247</v>
      </c>
      <c r="I1514" s="8" t="s">
        <v>4598</v>
      </c>
      <c r="J1514" s="11" t="s">
        <v>4599</v>
      </c>
      <c r="K1514" s="8">
        <v>2</v>
      </c>
      <c r="L1514" s="8">
        <v>121737103</v>
      </c>
      <c r="M1514" s="8">
        <v>121767853</v>
      </c>
      <c r="N1514" s="12">
        <v>1</v>
      </c>
    </row>
    <row r="1515" spans="1:14" ht="128.25" x14ac:dyDescent="0.2">
      <c r="A1515" s="8" t="s">
        <v>4600</v>
      </c>
      <c r="B1515" s="8">
        <v>-3.8046733231667899E-2</v>
      </c>
      <c r="C1515" s="8">
        <v>4.9325013660405599</v>
      </c>
      <c r="D1515" s="8">
        <v>-0.64100431961864901</v>
      </c>
      <c r="E1515" s="26">
        <v>0.52835838059149198</v>
      </c>
      <c r="F1515" s="8">
        <v>0.57843873246133304</v>
      </c>
      <c r="G1515" s="8">
        <v>-8.3605866914902496</v>
      </c>
      <c r="H1515" s="8">
        <v>28985</v>
      </c>
      <c r="I1515" s="8" t="s">
        <v>4601</v>
      </c>
      <c r="J1515" s="11" t="s">
        <v>4602</v>
      </c>
      <c r="K1515" s="8" t="s">
        <v>108</v>
      </c>
      <c r="L1515" s="8">
        <v>120594010</v>
      </c>
      <c r="M1515" s="8">
        <v>120621074</v>
      </c>
      <c r="N1515" s="12">
        <v>1</v>
      </c>
    </row>
    <row r="1516" spans="1:14" ht="114" x14ac:dyDescent="0.2">
      <c r="A1516" s="8" t="s">
        <v>4603</v>
      </c>
      <c r="B1516" s="8">
        <v>2.90446578807124E-2</v>
      </c>
      <c r="C1516" s="8">
        <v>6.31854542960044</v>
      </c>
      <c r="D1516" s="8">
        <v>0.63985238108490206</v>
      </c>
      <c r="E1516" s="26">
        <v>0.52909275037455905</v>
      </c>
      <c r="F1516" s="8">
        <v>0.57910907393344102</v>
      </c>
      <c r="G1516" s="8">
        <v>-8.5759124987012996</v>
      </c>
      <c r="H1516" s="8">
        <v>3692</v>
      </c>
      <c r="I1516" s="8" t="s">
        <v>4604</v>
      </c>
      <c r="J1516" s="11" t="s">
        <v>4605</v>
      </c>
      <c r="K1516" s="8">
        <v>20</v>
      </c>
      <c r="L1516" s="8">
        <v>35278907</v>
      </c>
      <c r="M1516" s="8">
        <v>35284985</v>
      </c>
      <c r="N1516" s="12">
        <v>-1</v>
      </c>
    </row>
    <row r="1517" spans="1:14" ht="99.75" x14ac:dyDescent="0.2">
      <c r="A1517" s="8" t="s">
        <v>4606</v>
      </c>
      <c r="B1517" s="8">
        <v>2.8609676419328E-2</v>
      </c>
      <c r="C1517" s="8">
        <v>6.6834964471054299</v>
      </c>
      <c r="D1517" s="8">
        <v>0.63037729942419896</v>
      </c>
      <c r="E1517" s="26">
        <v>0.53515424216361296</v>
      </c>
      <c r="F1517" s="8">
        <v>0.58503497053625697</v>
      </c>
      <c r="G1517" s="8">
        <v>-8.6134801175749605</v>
      </c>
      <c r="H1517" s="8">
        <v>5434</v>
      </c>
      <c r="I1517" s="8" t="s">
        <v>4607</v>
      </c>
      <c r="J1517" s="11" t="s">
        <v>4608</v>
      </c>
      <c r="K1517" s="8">
        <v>19</v>
      </c>
      <c r="L1517" s="8">
        <v>1086579</v>
      </c>
      <c r="M1517" s="8">
        <v>1095380</v>
      </c>
      <c r="N1517" s="12">
        <v>-1</v>
      </c>
    </row>
    <row r="1518" spans="1:14" ht="99.75" x14ac:dyDescent="0.2">
      <c r="A1518" s="8" t="s">
        <v>4609</v>
      </c>
      <c r="B1518" s="8">
        <v>4.7937012670558901E-2</v>
      </c>
      <c r="C1518" s="8">
        <v>4.9201119076639301</v>
      </c>
      <c r="D1518" s="8">
        <v>0.62531241215797195</v>
      </c>
      <c r="E1518" s="26">
        <v>0.53840972960676503</v>
      </c>
      <c r="F1518" s="8">
        <v>0.58833155026150596</v>
      </c>
      <c r="G1518" s="8">
        <v>-8.3700148757398001</v>
      </c>
      <c r="H1518" s="8">
        <v>6142</v>
      </c>
      <c r="I1518" s="8" t="s">
        <v>4610</v>
      </c>
      <c r="J1518" s="11" t="s">
        <v>4611</v>
      </c>
      <c r="K1518" s="8">
        <v>19</v>
      </c>
      <c r="L1518" s="8">
        <v>17859876</v>
      </c>
      <c r="M1518" s="8">
        <v>17864153</v>
      </c>
      <c r="N1518" s="12">
        <v>1</v>
      </c>
    </row>
    <row r="1519" spans="1:14" ht="99.75" x14ac:dyDescent="0.2">
      <c r="A1519" s="8" t="s">
        <v>4612</v>
      </c>
      <c r="B1519" s="8">
        <v>4.7285855185550799E-2</v>
      </c>
      <c r="C1519" s="8">
        <v>3.6159517653825399</v>
      </c>
      <c r="D1519" s="8">
        <v>0.61858273280978504</v>
      </c>
      <c r="E1519" s="26">
        <v>0.54275168982389399</v>
      </c>
      <c r="F1519" s="8">
        <v>0.59224879637674799</v>
      </c>
      <c r="G1519" s="8">
        <v>-8.0504778691268601</v>
      </c>
      <c r="H1519" s="8">
        <v>55954</v>
      </c>
      <c r="I1519" s="8" t="s">
        <v>4613</v>
      </c>
      <c r="J1519" s="11" t="s">
        <v>4614</v>
      </c>
      <c r="K1519" s="8">
        <v>22</v>
      </c>
      <c r="L1519" s="8">
        <v>29730956</v>
      </c>
      <c r="M1519" s="8">
        <v>29767011</v>
      </c>
      <c r="N1519" s="12">
        <v>-1</v>
      </c>
    </row>
    <row r="1520" spans="1:14" ht="99.75" x14ac:dyDescent="0.2">
      <c r="A1520" s="8" t="s">
        <v>4615</v>
      </c>
      <c r="B1520" s="8">
        <v>3.2292131445931502E-2</v>
      </c>
      <c r="C1520" s="8">
        <v>4.36945435898207</v>
      </c>
      <c r="D1520" s="8">
        <v>0.61490627861813196</v>
      </c>
      <c r="E1520" s="26">
        <v>0.54513159835136704</v>
      </c>
      <c r="F1520" s="8">
        <v>0.59443557673469405</v>
      </c>
      <c r="G1520" s="8">
        <v>-8.2497796793210405</v>
      </c>
      <c r="H1520" s="8">
        <v>6144</v>
      </c>
      <c r="I1520" s="8" t="s">
        <v>4616</v>
      </c>
      <c r="J1520" s="11" t="s">
        <v>4617</v>
      </c>
      <c r="K1520" s="8">
        <v>13</v>
      </c>
      <c r="L1520" s="8">
        <v>27251309</v>
      </c>
      <c r="M1520" s="8">
        <v>27256691</v>
      </c>
      <c r="N1520" s="12">
        <v>1</v>
      </c>
    </row>
    <row r="1521" spans="1:14" ht="114" x14ac:dyDescent="0.2">
      <c r="A1521" s="8" t="s">
        <v>4618</v>
      </c>
      <c r="B1521" s="8">
        <v>4.2159365154235601E-2</v>
      </c>
      <c r="C1521" s="8">
        <v>4.0715159194483901</v>
      </c>
      <c r="D1521" s="8">
        <v>0.61168868061880699</v>
      </c>
      <c r="E1521" s="26">
        <v>0.54721901928539995</v>
      </c>
      <c r="F1521" s="8">
        <v>0.59636911095038403</v>
      </c>
      <c r="G1521" s="8">
        <v>-8.1767259260321108</v>
      </c>
      <c r="H1521" s="8">
        <v>22944</v>
      </c>
      <c r="I1521" s="8" t="s">
        <v>4619</v>
      </c>
      <c r="J1521" s="11" t="s">
        <v>4620</v>
      </c>
      <c r="K1521" s="8">
        <v>10</v>
      </c>
      <c r="L1521" s="8">
        <v>7750962</v>
      </c>
      <c r="M1521" s="8">
        <v>7787981</v>
      </c>
      <c r="N1521" s="12">
        <v>-1</v>
      </c>
    </row>
    <row r="1522" spans="1:14" ht="142.5" x14ac:dyDescent="0.2">
      <c r="A1522" s="8" t="s">
        <v>4621</v>
      </c>
      <c r="B1522" s="8">
        <v>3.6304609682133601E-2</v>
      </c>
      <c r="C1522" s="8">
        <v>4.94421394043985</v>
      </c>
      <c r="D1522" s="8">
        <v>0.61117492774655102</v>
      </c>
      <c r="E1522" s="26">
        <v>0.54755270921682597</v>
      </c>
      <c r="F1522" s="8">
        <v>0.59656147449808805</v>
      </c>
      <c r="G1522" s="8">
        <v>-8.3839822489025995</v>
      </c>
      <c r="H1522" s="8" t="s">
        <v>4622</v>
      </c>
      <c r="I1522" s="8" t="s">
        <v>4623</v>
      </c>
      <c r="J1522" s="11" t="s">
        <v>4624</v>
      </c>
      <c r="K1522" s="8">
        <v>17</v>
      </c>
      <c r="L1522" s="8">
        <v>30115521</v>
      </c>
      <c r="M1522" s="8">
        <v>30186475</v>
      </c>
      <c r="N1522" s="12">
        <v>1</v>
      </c>
    </row>
    <row r="1523" spans="1:14" ht="99.75" x14ac:dyDescent="0.2">
      <c r="A1523" s="8" t="s">
        <v>4625</v>
      </c>
      <c r="B1523" s="8">
        <v>2.72453583226921E-2</v>
      </c>
      <c r="C1523" s="8">
        <v>5.2420506490549696</v>
      </c>
      <c r="D1523" s="8">
        <v>0.60053683632189403</v>
      </c>
      <c r="E1523" s="26">
        <v>0.55448645689415099</v>
      </c>
      <c r="F1523" s="8">
        <v>0.60328457129230095</v>
      </c>
      <c r="G1523" s="8">
        <v>-8.4491683644858906</v>
      </c>
      <c r="H1523" s="8">
        <v>23708</v>
      </c>
      <c r="I1523" s="8" t="s">
        <v>4626</v>
      </c>
      <c r="J1523" s="11" t="s">
        <v>4627</v>
      </c>
      <c r="K1523" s="8" t="s">
        <v>108</v>
      </c>
      <c r="L1523" s="8">
        <v>51743431</v>
      </c>
      <c r="M1523" s="8">
        <v>51746232</v>
      </c>
      <c r="N1523" s="12">
        <v>1</v>
      </c>
    </row>
    <row r="1524" spans="1:14" ht="99.75" x14ac:dyDescent="0.2">
      <c r="A1524" s="8" t="s">
        <v>4628</v>
      </c>
      <c r="B1524" s="8">
        <v>-3.1457322671124999E-2</v>
      </c>
      <c r="C1524" s="8">
        <v>7.5794412767126804</v>
      </c>
      <c r="D1524" s="8">
        <v>-0.59576534692883198</v>
      </c>
      <c r="E1524" s="26">
        <v>0.55761133409563701</v>
      </c>
      <c r="F1524" s="8">
        <v>0.60626734772160595</v>
      </c>
      <c r="G1524" s="8">
        <v>-8.6922204519039408</v>
      </c>
      <c r="H1524" s="8">
        <v>6209</v>
      </c>
      <c r="I1524" s="8" t="s">
        <v>4629</v>
      </c>
      <c r="J1524" s="11" t="s">
        <v>4630</v>
      </c>
      <c r="K1524" s="8">
        <v>19</v>
      </c>
      <c r="L1524" s="8">
        <v>1438358</v>
      </c>
      <c r="M1524" s="8">
        <v>1440494</v>
      </c>
      <c r="N1524" s="12">
        <v>1</v>
      </c>
    </row>
    <row r="1525" spans="1:14" ht="99.75" x14ac:dyDescent="0.2">
      <c r="A1525" s="8" t="s">
        <v>4631</v>
      </c>
      <c r="B1525" s="8">
        <v>7.2647440432692001E-2</v>
      </c>
      <c r="C1525" s="8">
        <v>2.5958946689123801</v>
      </c>
      <c r="D1525" s="8">
        <v>0.59518365041592503</v>
      </c>
      <c r="E1525" s="26">
        <v>0.557992918032304</v>
      </c>
      <c r="F1525" s="8">
        <v>0.60662204429325495</v>
      </c>
      <c r="G1525" s="8">
        <v>-7.77859112517769</v>
      </c>
      <c r="H1525" s="8">
        <v>85441</v>
      </c>
      <c r="I1525" s="8" t="s">
        <v>4632</v>
      </c>
      <c r="J1525" s="11" t="s">
        <v>4633</v>
      </c>
      <c r="K1525" s="8">
        <v>20</v>
      </c>
      <c r="L1525" s="8">
        <v>63558086</v>
      </c>
      <c r="M1525" s="8">
        <v>63574239</v>
      </c>
      <c r="N1525" s="12">
        <v>-1</v>
      </c>
    </row>
    <row r="1526" spans="1:14" ht="71.25" x14ac:dyDescent="0.2">
      <c r="A1526" s="8" t="s">
        <v>4634</v>
      </c>
      <c r="B1526" s="8">
        <v>-3.9854802358264302E-2</v>
      </c>
      <c r="C1526" s="8">
        <v>7.7662784810652097</v>
      </c>
      <c r="D1526" s="8">
        <v>-0.57684801580183898</v>
      </c>
      <c r="E1526" s="26">
        <v>0.57009013297857603</v>
      </c>
      <c r="F1526" s="8">
        <v>0.61827640036200904</v>
      </c>
      <c r="G1526" s="8">
        <v>-8.7143363977738701</v>
      </c>
      <c r="H1526" s="8">
        <v>3895</v>
      </c>
      <c r="I1526" s="8" t="s">
        <v>4635</v>
      </c>
      <c r="J1526" s="11" t="s">
        <v>4636</v>
      </c>
      <c r="K1526" s="8">
        <v>14</v>
      </c>
      <c r="L1526" s="8">
        <v>55559072</v>
      </c>
      <c r="M1526" s="8">
        <v>55701526</v>
      </c>
      <c r="N1526" s="12">
        <v>1</v>
      </c>
    </row>
    <row r="1527" spans="1:14" ht="142.5" x14ac:dyDescent="0.2">
      <c r="A1527" s="8" t="s">
        <v>4637</v>
      </c>
      <c r="B1527" s="8">
        <v>3.75433283181228E-2</v>
      </c>
      <c r="C1527" s="8">
        <v>3.63375479996192</v>
      </c>
      <c r="D1527" s="8">
        <v>0.56891996798391198</v>
      </c>
      <c r="E1527" s="26">
        <v>0.57536200602614995</v>
      </c>
      <c r="F1527" s="8">
        <v>0.62313918436013305</v>
      </c>
      <c r="G1527" s="8">
        <v>-8.0854804900145201</v>
      </c>
      <c r="H1527" s="8">
        <v>79991</v>
      </c>
      <c r="I1527" s="8" t="s">
        <v>4638</v>
      </c>
      <c r="J1527" s="11" t="s">
        <v>4639</v>
      </c>
      <c r="K1527" s="8">
        <v>10</v>
      </c>
      <c r="L1527" s="8">
        <v>103882542</v>
      </c>
      <c r="M1527" s="8">
        <v>103918205</v>
      </c>
      <c r="N1527" s="12">
        <v>-1</v>
      </c>
    </row>
    <row r="1528" spans="1:14" ht="156.75" x14ac:dyDescent="0.2">
      <c r="A1528" s="8" t="s">
        <v>4640</v>
      </c>
      <c r="B1528" s="8">
        <v>-4.2350861712667803E-2</v>
      </c>
      <c r="C1528" s="8">
        <v>3.6163747138003099</v>
      </c>
      <c r="D1528" s="8">
        <v>-0.56268815358692104</v>
      </c>
      <c r="E1528" s="26">
        <v>0.57952320800442403</v>
      </c>
      <c r="F1528" s="8">
        <v>0.62693033395849695</v>
      </c>
      <c r="G1528" s="8">
        <v>-8.0821417909188007</v>
      </c>
      <c r="H1528" s="8">
        <v>728689</v>
      </c>
      <c r="I1528" s="8" t="s">
        <v>4641</v>
      </c>
      <c r="J1528" s="11" t="s">
        <v>4642</v>
      </c>
      <c r="K1528" s="8">
        <v>16</v>
      </c>
      <c r="L1528" s="8">
        <v>28379579</v>
      </c>
      <c r="M1528" s="8">
        <v>28403879</v>
      </c>
      <c r="N1528" s="12">
        <v>-1</v>
      </c>
    </row>
    <row r="1529" spans="1:14" ht="85.5" x14ac:dyDescent="0.2">
      <c r="A1529" s="8" t="s">
        <v>4643</v>
      </c>
      <c r="B1529" s="8">
        <v>-2.5483986376237899E-2</v>
      </c>
      <c r="C1529" s="8">
        <v>5.1983069995874898</v>
      </c>
      <c r="D1529" s="8">
        <v>-0.55783770669713795</v>
      </c>
      <c r="E1529" s="26">
        <v>0.58277246427765295</v>
      </c>
      <c r="F1529" s="8">
        <v>0.63012210441553296</v>
      </c>
      <c r="G1529" s="8">
        <v>-8.4652930683757006</v>
      </c>
      <c r="H1529" s="8">
        <v>10450</v>
      </c>
      <c r="I1529" s="8" t="s">
        <v>4644</v>
      </c>
      <c r="J1529" s="11" t="s">
        <v>4645</v>
      </c>
      <c r="K1529" s="8">
        <v>1</v>
      </c>
      <c r="L1529" s="8">
        <v>39692182</v>
      </c>
      <c r="M1529" s="8">
        <v>39763914</v>
      </c>
      <c r="N1529" s="12">
        <v>1</v>
      </c>
    </row>
    <row r="1530" spans="1:14" ht="99.75" x14ac:dyDescent="0.2">
      <c r="A1530" s="8" t="s">
        <v>4646</v>
      </c>
      <c r="B1530" s="8">
        <v>2.1603618312450799E-2</v>
      </c>
      <c r="C1530" s="8">
        <v>6.3680934999719501</v>
      </c>
      <c r="D1530" s="8">
        <v>0.55538606655257605</v>
      </c>
      <c r="E1530" s="26">
        <v>0.58441824822177102</v>
      </c>
      <c r="F1530" s="8">
        <v>0.63164968085798801</v>
      </c>
      <c r="G1530" s="8">
        <v>-8.63253688413897</v>
      </c>
      <c r="H1530" s="8">
        <v>5093</v>
      </c>
      <c r="I1530" s="8" t="s">
        <v>4647</v>
      </c>
      <c r="J1530" s="11" t="s">
        <v>4648</v>
      </c>
      <c r="K1530" s="8">
        <v>2</v>
      </c>
      <c r="L1530" s="8">
        <v>70087454</v>
      </c>
      <c r="M1530" s="8">
        <v>70089203</v>
      </c>
      <c r="N1530" s="12">
        <v>1</v>
      </c>
    </row>
    <row r="1531" spans="1:14" ht="114" x14ac:dyDescent="0.2">
      <c r="A1531" s="8" t="s">
        <v>4649</v>
      </c>
      <c r="B1531" s="8">
        <v>3.6822207914814199E-2</v>
      </c>
      <c r="C1531" s="8">
        <v>4.224548266387</v>
      </c>
      <c r="D1531" s="8">
        <v>0.55352943960124801</v>
      </c>
      <c r="E1531" s="26">
        <v>0.58566614059005195</v>
      </c>
      <c r="F1531" s="8">
        <v>0.63274616282251095</v>
      </c>
      <c r="G1531" s="8">
        <v>-8.2505635187231494</v>
      </c>
      <c r="H1531" s="8">
        <v>8175</v>
      </c>
      <c r="I1531" s="8" t="s">
        <v>4650</v>
      </c>
      <c r="J1531" s="11" t="s">
        <v>4651</v>
      </c>
      <c r="K1531" s="8">
        <v>19</v>
      </c>
      <c r="L1531" s="8">
        <v>2236504</v>
      </c>
      <c r="M1531" s="8">
        <v>2248679</v>
      </c>
      <c r="N1531" s="12">
        <v>1</v>
      </c>
    </row>
    <row r="1532" spans="1:14" ht="85.5" x14ac:dyDescent="0.2">
      <c r="A1532" s="8" t="s">
        <v>4652</v>
      </c>
      <c r="B1532" s="8">
        <v>-7.2459329604242603E-2</v>
      </c>
      <c r="C1532" s="8">
        <v>1.22900643945021</v>
      </c>
      <c r="D1532" s="8">
        <v>-0.55272157571642999</v>
      </c>
      <c r="E1532" s="26">
        <v>0.58620954280692406</v>
      </c>
      <c r="F1532" s="8">
        <v>0.63319398122950699</v>
      </c>
      <c r="G1532" s="8">
        <v>-7.4009351071122804</v>
      </c>
      <c r="H1532" s="8">
        <v>4093</v>
      </c>
      <c r="I1532" s="8" t="s">
        <v>4653</v>
      </c>
      <c r="J1532" s="11" t="s">
        <v>4654</v>
      </c>
      <c r="K1532" s="8">
        <v>13</v>
      </c>
      <c r="L1532" s="8">
        <v>36844831</v>
      </c>
      <c r="M1532" s="8">
        <v>36920765</v>
      </c>
      <c r="N1532" s="12">
        <v>-1</v>
      </c>
    </row>
    <row r="1533" spans="1:14" ht="156.75" x14ac:dyDescent="0.2">
      <c r="A1533" s="8" t="s">
        <v>4655</v>
      </c>
      <c r="B1533" s="8">
        <v>3.2693342759906797E-2</v>
      </c>
      <c r="C1533" s="8">
        <v>5.6511825909637201</v>
      </c>
      <c r="D1533" s="8">
        <v>0.55062001721046305</v>
      </c>
      <c r="E1533" s="26">
        <v>0.58762430963128898</v>
      </c>
      <c r="F1533" s="8">
        <v>0.634580587561687</v>
      </c>
      <c r="G1533" s="8">
        <v>-8.5480900821798294</v>
      </c>
      <c r="H1533" s="8">
        <v>92856</v>
      </c>
      <c r="I1533" s="8" t="s">
        <v>4656</v>
      </c>
      <c r="J1533" s="11" t="s">
        <v>4657</v>
      </c>
      <c r="K1533" s="8">
        <v>2</v>
      </c>
      <c r="L1533" s="8">
        <v>130342225</v>
      </c>
      <c r="M1533" s="8">
        <v>130347810</v>
      </c>
      <c r="N1533" s="12">
        <v>1</v>
      </c>
    </row>
    <row r="1534" spans="1:14" ht="99.75" x14ac:dyDescent="0.2">
      <c r="A1534" s="8" t="s">
        <v>4658</v>
      </c>
      <c r="B1534" s="8">
        <v>2.7209288833585501E-2</v>
      </c>
      <c r="C1534" s="8">
        <v>4.9445185263659601</v>
      </c>
      <c r="D1534" s="8">
        <v>0.53676847202566802</v>
      </c>
      <c r="E1534" s="26">
        <v>0.59699125597724301</v>
      </c>
      <c r="F1534" s="8">
        <v>0.64329697715519596</v>
      </c>
      <c r="G1534" s="8">
        <v>-8.4277779184928807</v>
      </c>
      <c r="H1534" s="8">
        <v>5557</v>
      </c>
      <c r="I1534" s="8" t="s">
        <v>4659</v>
      </c>
      <c r="J1534" s="11" t="s">
        <v>4660</v>
      </c>
      <c r="K1534" s="8">
        <v>12</v>
      </c>
      <c r="L1534" s="8">
        <v>56731596</v>
      </c>
      <c r="M1534" s="8">
        <v>56752373</v>
      </c>
      <c r="N1534" s="12">
        <v>-1</v>
      </c>
    </row>
    <row r="1535" spans="1:14" ht="114" x14ac:dyDescent="0.2">
      <c r="A1535" s="8" t="s">
        <v>4661</v>
      </c>
      <c r="B1535" s="8">
        <v>-6.7863120706177102E-2</v>
      </c>
      <c r="C1535" s="8">
        <v>1.4427818375724699</v>
      </c>
      <c r="D1535" s="8">
        <v>-0.53236231588917404</v>
      </c>
      <c r="E1535" s="26">
        <v>0.599986067611739</v>
      </c>
      <c r="F1535" s="8">
        <v>0.64608384526289298</v>
      </c>
      <c r="G1535" s="8">
        <v>-7.4735503820103002</v>
      </c>
      <c r="H1535" s="8">
        <v>56903</v>
      </c>
      <c r="I1535" s="8" t="s">
        <v>4662</v>
      </c>
      <c r="J1535" s="11" t="s">
        <v>4663</v>
      </c>
      <c r="K1535" s="8">
        <v>7</v>
      </c>
      <c r="L1535" s="8">
        <v>4857733</v>
      </c>
      <c r="M1535" s="8">
        <v>4861994</v>
      </c>
      <c r="N1535" s="12">
        <v>-1</v>
      </c>
    </row>
    <row r="1536" spans="1:14" ht="156.75" x14ac:dyDescent="0.2">
      <c r="A1536" s="8" t="s">
        <v>4664</v>
      </c>
      <c r="B1536" s="8">
        <v>3.9203245118587297E-2</v>
      </c>
      <c r="C1536" s="8">
        <v>3.2278246155207699</v>
      </c>
      <c r="D1536" s="8">
        <v>0.53055016917809905</v>
      </c>
      <c r="E1536" s="26">
        <v>0.60121987333875704</v>
      </c>
      <c r="F1536" s="8">
        <v>0.64719210030912699</v>
      </c>
      <c r="G1536" s="8">
        <v>-7.9953465525507603</v>
      </c>
      <c r="H1536" s="8">
        <v>144233</v>
      </c>
      <c r="I1536" s="8" t="s">
        <v>4665</v>
      </c>
      <c r="J1536" s="11" t="s">
        <v>4666</v>
      </c>
      <c r="K1536" s="8">
        <v>12</v>
      </c>
      <c r="L1536" s="8">
        <v>49836039</v>
      </c>
      <c r="M1536" s="8">
        <v>49843129</v>
      </c>
      <c r="N1536" s="12">
        <v>-1</v>
      </c>
    </row>
    <row r="1537" spans="1:14" ht="99.75" x14ac:dyDescent="0.2">
      <c r="A1537" s="8" t="s">
        <v>4667</v>
      </c>
      <c r="B1537" s="8">
        <v>2.59309121364826E-2</v>
      </c>
      <c r="C1537" s="8">
        <v>5.2878736256972099</v>
      </c>
      <c r="D1537" s="8">
        <v>0.52861140958841701</v>
      </c>
      <c r="E1537" s="26">
        <v>0.60254124161399303</v>
      </c>
      <c r="F1537" s="8">
        <v>0.64846737039124103</v>
      </c>
      <c r="G1537" s="8">
        <v>-8.4994277095140909</v>
      </c>
      <c r="H1537" s="8">
        <v>56259</v>
      </c>
      <c r="I1537" s="8" t="s">
        <v>4668</v>
      </c>
      <c r="J1537" s="11" t="s">
        <v>4669</v>
      </c>
      <c r="K1537" s="8">
        <v>20</v>
      </c>
      <c r="L1537" s="8">
        <v>37693955</v>
      </c>
      <c r="M1537" s="8">
        <v>37872129</v>
      </c>
      <c r="N1537" s="12">
        <v>1</v>
      </c>
    </row>
    <row r="1538" spans="1:14" ht="114" x14ac:dyDescent="0.2">
      <c r="A1538" s="8" t="s">
        <v>4670</v>
      </c>
      <c r="B1538" s="8">
        <v>2.75194141329482E-2</v>
      </c>
      <c r="C1538" s="8">
        <v>4.7334768457251002</v>
      </c>
      <c r="D1538" s="8">
        <v>0.52043666373205599</v>
      </c>
      <c r="E1538" s="26">
        <v>0.60812812465436095</v>
      </c>
      <c r="F1538" s="8">
        <v>0.65359049790823998</v>
      </c>
      <c r="G1538" s="8">
        <v>-8.3909237168569906</v>
      </c>
      <c r="H1538" s="8">
        <v>11193</v>
      </c>
      <c r="I1538" s="8" t="s">
        <v>4671</v>
      </c>
      <c r="J1538" s="11" t="s">
        <v>4672</v>
      </c>
      <c r="K1538" s="8">
        <v>13</v>
      </c>
      <c r="L1538" s="8">
        <v>41061274</v>
      </c>
      <c r="M1538" s="8">
        <v>41084006</v>
      </c>
      <c r="N1538" s="12">
        <v>1</v>
      </c>
    </row>
    <row r="1539" spans="1:14" ht="99.75" x14ac:dyDescent="0.2">
      <c r="A1539" s="8" t="s">
        <v>4673</v>
      </c>
      <c r="B1539" s="8">
        <v>1.7763642101271199E-2</v>
      </c>
      <c r="C1539" s="8">
        <v>7.5376923924035202</v>
      </c>
      <c r="D1539" s="8">
        <v>0.50949493681215297</v>
      </c>
      <c r="E1539" s="26">
        <v>0.61564454405136904</v>
      </c>
      <c r="F1539" s="8">
        <v>0.66039718006120796</v>
      </c>
      <c r="G1539" s="8">
        <v>-8.7392674273781008</v>
      </c>
      <c r="H1539" s="8">
        <v>6301</v>
      </c>
      <c r="I1539" s="8" t="s">
        <v>4674</v>
      </c>
      <c r="J1539" s="11" t="s">
        <v>4675</v>
      </c>
      <c r="K1539" s="8">
        <v>1</v>
      </c>
      <c r="L1539" s="8">
        <v>109213918</v>
      </c>
      <c r="M1539" s="8">
        <v>109238169</v>
      </c>
      <c r="N1539" s="12">
        <v>1</v>
      </c>
    </row>
    <row r="1540" spans="1:14" ht="114" x14ac:dyDescent="0.2">
      <c r="A1540" s="8" t="s">
        <v>4676</v>
      </c>
      <c r="B1540" s="8">
        <v>3.4445205242434399E-2</v>
      </c>
      <c r="C1540" s="8">
        <v>4.9843451650553803</v>
      </c>
      <c r="D1540" s="8">
        <v>0.50795356773774403</v>
      </c>
      <c r="E1540" s="26">
        <v>0.61670689559434699</v>
      </c>
      <c r="F1540" s="8">
        <v>0.66134983938143799</v>
      </c>
      <c r="G1540" s="8">
        <v>-8.4516803083070293</v>
      </c>
      <c r="H1540" s="8" t="s">
        <v>4677</v>
      </c>
      <c r="I1540" s="8" t="s">
        <v>4678</v>
      </c>
      <c r="J1540" s="11" t="s">
        <v>4679</v>
      </c>
      <c r="K1540" s="8">
        <v>19</v>
      </c>
      <c r="L1540" s="8">
        <v>41883161</v>
      </c>
      <c r="M1540" s="8">
        <v>41930150</v>
      </c>
      <c r="N1540" s="12">
        <v>1</v>
      </c>
    </row>
    <row r="1541" spans="1:14" ht="114" x14ac:dyDescent="0.2">
      <c r="A1541" s="8" t="s">
        <v>4680</v>
      </c>
      <c r="B1541" s="8">
        <v>2.5556393808113101E-2</v>
      </c>
      <c r="C1541" s="8">
        <v>5.6612635553727699</v>
      </c>
      <c r="D1541" s="8">
        <v>0.502013107433539</v>
      </c>
      <c r="E1541" s="26">
        <v>0.62080924952216998</v>
      </c>
      <c r="F1541" s="8">
        <v>0.66518531580273399</v>
      </c>
      <c r="G1541" s="8">
        <v>-8.5758806688806004</v>
      </c>
      <c r="H1541" s="8">
        <v>4733</v>
      </c>
      <c r="I1541" s="8" t="s">
        <v>4681</v>
      </c>
      <c r="J1541" s="11" t="s">
        <v>4682</v>
      </c>
      <c r="K1541" s="8">
        <v>22</v>
      </c>
      <c r="L1541" s="8">
        <v>31399523</v>
      </c>
      <c r="M1541" s="8">
        <v>31528740</v>
      </c>
      <c r="N1541" s="12">
        <v>1</v>
      </c>
    </row>
    <row r="1542" spans="1:14" ht="114" x14ac:dyDescent="0.2">
      <c r="A1542" s="8" t="s">
        <v>4683</v>
      </c>
      <c r="B1542" s="8">
        <v>-2.9509462114233099E-2</v>
      </c>
      <c r="C1542" s="8">
        <v>4.1981448299423203</v>
      </c>
      <c r="D1542" s="8">
        <v>-0.49869372428204101</v>
      </c>
      <c r="E1542" s="26">
        <v>0.62310707229233397</v>
      </c>
      <c r="F1542" s="8">
        <v>0.66730829068237096</v>
      </c>
      <c r="G1542" s="8">
        <v>-8.2720314835549598</v>
      </c>
      <c r="H1542" s="8">
        <v>84186</v>
      </c>
      <c r="I1542" s="8" t="s">
        <v>4684</v>
      </c>
      <c r="J1542" s="11" t="s">
        <v>4685</v>
      </c>
      <c r="K1542" s="8">
        <v>9</v>
      </c>
      <c r="L1542" s="8">
        <v>37120539</v>
      </c>
      <c r="M1542" s="8">
        <v>37358149</v>
      </c>
      <c r="N1542" s="12">
        <v>1</v>
      </c>
    </row>
    <row r="1543" spans="1:14" ht="85.5" x14ac:dyDescent="0.2">
      <c r="A1543" s="8" t="s">
        <v>4686</v>
      </c>
      <c r="B1543" s="8">
        <v>1.98292373293611E-2</v>
      </c>
      <c r="C1543" s="8">
        <v>5.7919214383917597</v>
      </c>
      <c r="D1543" s="8">
        <v>0.49720414427161402</v>
      </c>
      <c r="E1543" s="26">
        <v>0.62413950677768204</v>
      </c>
      <c r="F1543" s="8">
        <v>0.66823047217783305</v>
      </c>
      <c r="G1543" s="8">
        <v>-8.5973307969506099</v>
      </c>
      <c r="H1543" s="8">
        <v>4931</v>
      </c>
      <c r="I1543" s="8" t="s">
        <v>4687</v>
      </c>
      <c r="J1543" s="11" t="s">
        <v>4688</v>
      </c>
      <c r="K1543" s="8">
        <v>1</v>
      </c>
      <c r="L1543" s="8">
        <v>224227334</v>
      </c>
      <c r="M1543" s="8">
        <v>224330387</v>
      </c>
      <c r="N1543" s="12">
        <v>-1</v>
      </c>
    </row>
    <row r="1544" spans="1:14" ht="99.75" x14ac:dyDescent="0.2">
      <c r="A1544" s="8" t="s">
        <v>4689</v>
      </c>
      <c r="B1544" s="8">
        <v>2.4021648978969499E-2</v>
      </c>
      <c r="C1544" s="8">
        <v>6.3807798816259798</v>
      </c>
      <c r="D1544" s="8">
        <v>0.493425175307173</v>
      </c>
      <c r="E1544" s="26">
        <v>0.62676227473714896</v>
      </c>
      <c r="F1544" s="8">
        <v>0.67069288867073795</v>
      </c>
      <c r="G1544" s="8">
        <v>-8.66734413127012</v>
      </c>
      <c r="H1544" s="8">
        <v>10539</v>
      </c>
      <c r="I1544" s="8" t="s">
        <v>4690</v>
      </c>
      <c r="J1544" s="11" t="s">
        <v>4691</v>
      </c>
      <c r="K1544" s="8">
        <v>10</v>
      </c>
      <c r="L1544" s="8">
        <v>130136399</v>
      </c>
      <c r="M1544" s="8">
        <v>130184521</v>
      </c>
      <c r="N1544" s="12">
        <v>1</v>
      </c>
    </row>
    <row r="1545" spans="1:14" ht="142.5" x14ac:dyDescent="0.2">
      <c r="A1545" s="8" t="s">
        <v>4692</v>
      </c>
      <c r="B1545" s="8">
        <v>-2.00586896061061E-2</v>
      </c>
      <c r="C1545" s="8">
        <v>5.7846997797902997</v>
      </c>
      <c r="D1545" s="8">
        <v>-0.49282346613314898</v>
      </c>
      <c r="E1545" s="26">
        <v>0.62718035531026795</v>
      </c>
      <c r="F1545" s="8">
        <v>0.67110243037625905</v>
      </c>
      <c r="G1545" s="8">
        <v>-8.5979665163412395</v>
      </c>
      <c r="H1545" s="8">
        <v>9887</v>
      </c>
      <c r="I1545" s="8" t="s">
        <v>4693</v>
      </c>
      <c r="J1545" s="11" t="s">
        <v>4694</v>
      </c>
      <c r="K1545" s="8">
        <v>1</v>
      </c>
      <c r="L1545" s="8">
        <v>183472216</v>
      </c>
      <c r="M1545" s="8">
        <v>183598246</v>
      </c>
      <c r="N1545" s="12">
        <v>1</v>
      </c>
    </row>
    <row r="1546" spans="1:14" ht="114" x14ac:dyDescent="0.2">
      <c r="A1546" s="8" t="s">
        <v>4695</v>
      </c>
      <c r="B1546" s="8">
        <v>-2.52994288700874E-2</v>
      </c>
      <c r="C1546" s="8">
        <v>5.5910651454886402</v>
      </c>
      <c r="D1546" s="8">
        <v>-0.49182481655382598</v>
      </c>
      <c r="E1546" s="26">
        <v>0.62787452191630599</v>
      </c>
      <c r="F1546" s="8">
        <v>0.67176945382002295</v>
      </c>
      <c r="G1546" s="8">
        <v>-8.5694833276827893</v>
      </c>
      <c r="H1546" s="8">
        <v>51116</v>
      </c>
      <c r="I1546" s="8" t="s">
        <v>4696</v>
      </c>
      <c r="J1546" s="11" t="s">
        <v>4697</v>
      </c>
      <c r="K1546" s="8">
        <v>9</v>
      </c>
      <c r="L1546" s="8">
        <v>135499984</v>
      </c>
      <c r="M1546" s="8">
        <v>135504673</v>
      </c>
      <c r="N1546" s="12">
        <v>1</v>
      </c>
    </row>
    <row r="1547" spans="1:14" ht="156.75" x14ac:dyDescent="0.2">
      <c r="A1547" s="8" t="s">
        <v>4698</v>
      </c>
      <c r="B1547" s="8">
        <v>-2.06556148661701E-2</v>
      </c>
      <c r="C1547" s="8">
        <v>7.2212565043721302</v>
      </c>
      <c r="D1547" s="8">
        <v>-0.48576104008029802</v>
      </c>
      <c r="E1547" s="26">
        <v>0.632097045921162</v>
      </c>
      <c r="F1547" s="8">
        <v>0.67567766802489104</v>
      </c>
      <c r="G1547" s="8">
        <v>-8.7323635722418302</v>
      </c>
      <c r="H1547" s="8">
        <v>140890</v>
      </c>
      <c r="I1547" s="8" t="s">
        <v>4699</v>
      </c>
      <c r="J1547" s="11" t="s">
        <v>4700</v>
      </c>
      <c r="K1547" s="8">
        <v>5</v>
      </c>
      <c r="L1547" s="8">
        <v>66139971</v>
      </c>
      <c r="M1547" s="8">
        <v>66183615</v>
      </c>
      <c r="N1547" s="12">
        <v>1</v>
      </c>
    </row>
    <row r="1548" spans="1:14" ht="114" x14ac:dyDescent="0.2">
      <c r="A1548" s="8" t="s">
        <v>4701</v>
      </c>
      <c r="B1548" s="8">
        <v>2.7832351275169E-2</v>
      </c>
      <c r="C1548" s="8">
        <v>6.0609471287915904</v>
      </c>
      <c r="D1548" s="8">
        <v>0.48492908956452102</v>
      </c>
      <c r="E1548" s="26">
        <v>0.63267738537719298</v>
      </c>
      <c r="F1548" s="8">
        <v>0.67614567451162899</v>
      </c>
      <c r="G1548" s="8">
        <v>-8.6380727730587896</v>
      </c>
      <c r="H1548" s="8">
        <v>64425</v>
      </c>
      <c r="I1548" s="8" t="s">
        <v>4702</v>
      </c>
      <c r="J1548" s="11" t="s">
        <v>4703</v>
      </c>
      <c r="K1548" s="8">
        <v>9</v>
      </c>
      <c r="L1548" s="8">
        <v>37485935</v>
      </c>
      <c r="M1548" s="8">
        <v>37503697</v>
      </c>
      <c r="N1548" s="12">
        <v>1</v>
      </c>
    </row>
    <row r="1549" spans="1:14" ht="99.75" x14ac:dyDescent="0.2">
      <c r="A1549" s="8" t="s">
        <v>4704</v>
      </c>
      <c r="B1549" s="8">
        <v>-2.70147683718065E-2</v>
      </c>
      <c r="C1549" s="8">
        <v>4.2323099899101901</v>
      </c>
      <c r="D1549" s="8">
        <v>-0.48313251782919903</v>
      </c>
      <c r="E1549" s="26">
        <v>0.63393143756325199</v>
      </c>
      <c r="F1549" s="8">
        <v>0.67744773570434902</v>
      </c>
      <c r="G1549" s="8">
        <v>-8.2886910571366794</v>
      </c>
      <c r="H1549" s="8">
        <v>6173</v>
      </c>
      <c r="I1549" s="8" t="s">
        <v>4705</v>
      </c>
      <c r="J1549" s="11" t="s">
        <v>4706</v>
      </c>
      <c r="K1549" s="8" t="s">
        <v>108</v>
      </c>
      <c r="L1549" s="8">
        <v>101390824</v>
      </c>
      <c r="M1549" s="8">
        <v>101396154</v>
      </c>
      <c r="N1549" s="12">
        <v>1</v>
      </c>
    </row>
    <row r="1550" spans="1:14" ht="142.5" x14ac:dyDescent="0.2">
      <c r="A1550" s="8" t="s">
        <v>4707</v>
      </c>
      <c r="B1550" s="8">
        <v>-1.7528908196836401E-2</v>
      </c>
      <c r="C1550" s="8">
        <v>6.6324796425872004</v>
      </c>
      <c r="D1550" s="8">
        <v>-0.478465968023226</v>
      </c>
      <c r="E1550" s="26">
        <v>0.63719406789379696</v>
      </c>
      <c r="F1550" s="8">
        <v>0.68051955299845102</v>
      </c>
      <c r="G1550" s="8">
        <v>-8.6960931519236393</v>
      </c>
      <c r="H1550" s="8" t="s">
        <v>4708</v>
      </c>
      <c r="I1550" s="8" t="s">
        <v>4709</v>
      </c>
      <c r="J1550" s="11" t="s">
        <v>4710</v>
      </c>
      <c r="K1550" s="8">
        <v>1</v>
      </c>
      <c r="L1550" s="8">
        <v>155335268</v>
      </c>
      <c r="M1550" s="8">
        <v>155562807</v>
      </c>
      <c r="N1550" s="12">
        <v>-1</v>
      </c>
    </row>
    <row r="1551" spans="1:14" ht="128.25" x14ac:dyDescent="0.2">
      <c r="A1551" s="8" t="s">
        <v>4711</v>
      </c>
      <c r="B1551" s="8">
        <v>1.9392159526929301E-2</v>
      </c>
      <c r="C1551" s="8">
        <v>5.8066387527820398</v>
      </c>
      <c r="D1551" s="8">
        <v>0.475041752394886</v>
      </c>
      <c r="E1551" s="26">
        <v>0.63959292557638503</v>
      </c>
      <c r="F1551" s="8">
        <v>0.68284416026233896</v>
      </c>
      <c r="G1551" s="8">
        <v>-8.6105315715817206</v>
      </c>
      <c r="H1551" s="8">
        <v>8802</v>
      </c>
      <c r="I1551" s="8" t="s">
        <v>4712</v>
      </c>
      <c r="J1551" s="11" t="s">
        <v>4713</v>
      </c>
      <c r="K1551" s="8">
        <v>2</v>
      </c>
      <c r="L1551" s="8">
        <v>84423523</v>
      </c>
      <c r="M1551" s="8">
        <v>84460045</v>
      </c>
      <c r="N1551" s="12">
        <v>-1</v>
      </c>
    </row>
    <row r="1552" spans="1:14" ht="114" x14ac:dyDescent="0.2">
      <c r="A1552" s="8" t="s">
        <v>4714</v>
      </c>
      <c r="B1552" s="8">
        <v>2.9800670879763101E-2</v>
      </c>
      <c r="C1552" s="8">
        <v>5.2916173654673004</v>
      </c>
      <c r="D1552" s="8">
        <v>0.4697762307253</v>
      </c>
      <c r="E1552" s="26">
        <v>0.64328960940847302</v>
      </c>
      <c r="F1552" s="8">
        <v>0.686327481741979</v>
      </c>
      <c r="G1552" s="8">
        <v>-8.5305645146034994</v>
      </c>
      <c r="H1552" s="8">
        <v>64951</v>
      </c>
      <c r="I1552" s="8" t="s">
        <v>4715</v>
      </c>
      <c r="J1552" s="11" t="s">
        <v>4716</v>
      </c>
      <c r="K1552" s="8">
        <v>7</v>
      </c>
      <c r="L1552" s="8">
        <v>43866558</v>
      </c>
      <c r="M1552" s="8">
        <v>43869893</v>
      </c>
      <c r="N1552" s="12">
        <v>-1</v>
      </c>
    </row>
    <row r="1553" spans="1:14" ht="114" x14ac:dyDescent="0.2">
      <c r="A1553" s="8" t="s">
        <v>4717</v>
      </c>
      <c r="B1553" s="8">
        <v>-2.09739865115308E-2</v>
      </c>
      <c r="C1553" s="8">
        <v>5.2857147559904201</v>
      </c>
      <c r="D1553" s="8">
        <v>-0.469667828804187</v>
      </c>
      <c r="E1553" s="26">
        <v>0.64336581342284205</v>
      </c>
      <c r="F1553" s="8">
        <v>0.68633196842957001</v>
      </c>
      <c r="G1553" s="8">
        <v>-8.5285444848624206</v>
      </c>
      <c r="H1553" s="8">
        <v>64978</v>
      </c>
      <c r="I1553" s="8" t="s">
        <v>4718</v>
      </c>
      <c r="J1553" s="11" t="s">
        <v>4719</v>
      </c>
      <c r="K1553" s="8">
        <v>17</v>
      </c>
      <c r="L1553" s="8">
        <v>75898643</v>
      </c>
      <c r="M1553" s="8">
        <v>75905413</v>
      </c>
      <c r="N1553" s="12">
        <v>-1</v>
      </c>
    </row>
    <row r="1554" spans="1:14" ht="99.75" x14ac:dyDescent="0.2">
      <c r="A1554" s="8" t="s">
        <v>4720</v>
      </c>
      <c r="B1554" s="8">
        <v>-2.1868689385748898E-2</v>
      </c>
      <c r="C1554" s="8">
        <v>5.3151077279586101</v>
      </c>
      <c r="D1554" s="8">
        <v>-0.465568175370075</v>
      </c>
      <c r="E1554" s="26">
        <v>0.64625071875797002</v>
      </c>
      <c r="F1554" s="8">
        <v>0.68886703869403998</v>
      </c>
      <c r="G1554" s="8">
        <v>-8.5357768491918709</v>
      </c>
      <c r="H1554" s="8">
        <v>5437</v>
      </c>
      <c r="I1554" s="8" t="s">
        <v>4721</v>
      </c>
      <c r="J1554" s="11" t="s">
        <v>4722</v>
      </c>
      <c r="K1554" s="8">
        <v>3</v>
      </c>
      <c r="L1554" s="8">
        <v>184361718</v>
      </c>
      <c r="M1554" s="8">
        <v>184368596</v>
      </c>
      <c r="N1554" s="12">
        <v>1</v>
      </c>
    </row>
    <row r="1555" spans="1:14" ht="114" x14ac:dyDescent="0.2">
      <c r="A1555" s="8" t="s">
        <v>4723</v>
      </c>
      <c r="B1555" s="8">
        <v>-3.3512542866278097E-2</v>
      </c>
      <c r="C1555" s="8">
        <v>4.6135048880451404</v>
      </c>
      <c r="D1555" s="8">
        <v>-0.462219849430342</v>
      </c>
      <c r="E1555" s="26">
        <v>0.64861115849469098</v>
      </c>
      <c r="F1555" s="8">
        <v>0.69060730262883596</v>
      </c>
      <c r="G1555" s="8">
        <v>-8.3915879492058192</v>
      </c>
      <c r="H1555" s="8">
        <v>6183</v>
      </c>
      <c r="I1555" s="8" t="s">
        <v>4724</v>
      </c>
      <c r="J1555" s="11" t="s">
        <v>4725</v>
      </c>
      <c r="K1555" s="8">
        <v>19</v>
      </c>
      <c r="L1555" s="8">
        <v>38930548</v>
      </c>
      <c r="M1555" s="8">
        <v>38933162</v>
      </c>
      <c r="N1555" s="12">
        <v>1</v>
      </c>
    </row>
    <row r="1556" spans="1:14" ht="99.75" x14ac:dyDescent="0.2">
      <c r="A1556" s="8" t="s">
        <v>4726</v>
      </c>
      <c r="B1556" s="8">
        <v>2.37470824014396E-2</v>
      </c>
      <c r="C1556" s="8">
        <v>7.0033645815596302</v>
      </c>
      <c r="D1556" s="8">
        <v>0.45478731372850301</v>
      </c>
      <c r="E1556" s="26">
        <v>0.65386432013713902</v>
      </c>
      <c r="F1556" s="8">
        <v>0.69584921507640696</v>
      </c>
      <c r="G1556" s="8">
        <v>-8.7339753954612593</v>
      </c>
      <c r="H1556" s="8">
        <v>5036</v>
      </c>
      <c r="I1556" s="8" t="s">
        <v>4727</v>
      </c>
      <c r="J1556" s="11" t="s">
        <v>4728</v>
      </c>
      <c r="K1556" s="8">
        <v>12</v>
      </c>
      <c r="L1556" s="8">
        <v>56104319</v>
      </c>
      <c r="M1556" s="8">
        <v>56113907</v>
      </c>
      <c r="N1556" s="12">
        <v>1</v>
      </c>
    </row>
    <row r="1557" spans="1:14" ht="114" x14ac:dyDescent="0.2">
      <c r="A1557" s="8" t="s">
        <v>4729</v>
      </c>
      <c r="B1557" s="8">
        <v>-1.6594279511317599E-2</v>
      </c>
      <c r="C1557" s="8">
        <v>7.4242520847139799</v>
      </c>
      <c r="D1557" s="8">
        <v>-0.44671190826401402</v>
      </c>
      <c r="E1557" s="26">
        <v>0.65959274715754002</v>
      </c>
      <c r="F1557" s="8">
        <v>0.701394797871155</v>
      </c>
      <c r="G1557" s="8">
        <v>-8.7634943527323799</v>
      </c>
      <c r="H1557" s="8">
        <v>10988</v>
      </c>
      <c r="I1557" s="8" t="s">
        <v>4730</v>
      </c>
      <c r="J1557" s="11" t="s">
        <v>4731</v>
      </c>
      <c r="K1557" s="8">
        <v>12</v>
      </c>
      <c r="L1557" s="8">
        <v>95473520</v>
      </c>
      <c r="M1557" s="8">
        <v>95515839</v>
      </c>
      <c r="N1557" s="12">
        <v>1</v>
      </c>
    </row>
    <row r="1558" spans="1:14" ht="99.75" x14ac:dyDescent="0.2">
      <c r="A1558" s="8" t="s">
        <v>4732</v>
      </c>
      <c r="B1558" s="8">
        <v>2.8716786453057499E-2</v>
      </c>
      <c r="C1558" s="8">
        <v>4.5837197867418604</v>
      </c>
      <c r="D1558" s="8">
        <v>0.44476987911595001</v>
      </c>
      <c r="E1558" s="26">
        <v>0.66097357320834804</v>
      </c>
      <c r="F1558" s="8">
        <v>0.70258754824258296</v>
      </c>
      <c r="G1558" s="8">
        <v>-8.3943866209686497</v>
      </c>
      <c r="H1558" s="8">
        <v>5439</v>
      </c>
      <c r="I1558" s="8" t="s">
        <v>4733</v>
      </c>
      <c r="J1558" s="11" t="s">
        <v>4734</v>
      </c>
      <c r="K1558" s="8">
        <v>7</v>
      </c>
      <c r="L1558" s="8">
        <v>102473118</v>
      </c>
      <c r="M1558" s="8">
        <v>102478907</v>
      </c>
      <c r="N1558" s="12">
        <v>-1</v>
      </c>
    </row>
    <row r="1559" spans="1:14" ht="99.75" x14ac:dyDescent="0.2">
      <c r="A1559" s="8" t="s">
        <v>4735</v>
      </c>
      <c r="B1559" s="8">
        <v>-2.43792761921524E-2</v>
      </c>
      <c r="C1559" s="8">
        <v>4.6927586169784004</v>
      </c>
      <c r="D1559" s="8">
        <v>-0.44046912657313497</v>
      </c>
      <c r="E1559" s="26">
        <v>0.66403590389700395</v>
      </c>
      <c r="F1559" s="8">
        <v>0.70539514180812402</v>
      </c>
      <c r="G1559" s="8">
        <v>-8.4203201868448705</v>
      </c>
      <c r="H1559" s="8">
        <v>102157402</v>
      </c>
      <c r="I1559" s="8" t="s">
        <v>4736</v>
      </c>
      <c r="J1559" s="11" t="s">
        <v>4737</v>
      </c>
      <c r="K1559" s="8">
        <v>5</v>
      </c>
      <c r="L1559" s="8">
        <v>69350984</v>
      </c>
      <c r="M1559" s="8">
        <v>69370013</v>
      </c>
      <c r="N1559" s="12">
        <v>-1</v>
      </c>
    </row>
    <row r="1560" spans="1:14" ht="114" x14ac:dyDescent="0.2">
      <c r="A1560" s="8" t="s">
        <v>4738</v>
      </c>
      <c r="B1560" s="8">
        <v>2.7330123525244301E-2</v>
      </c>
      <c r="C1560" s="8">
        <v>4.0854294636701196</v>
      </c>
      <c r="D1560" s="8">
        <v>0.43621199608595002</v>
      </c>
      <c r="E1560" s="26">
        <v>0.66707310710724999</v>
      </c>
      <c r="F1560" s="8">
        <v>0.70810815228232404</v>
      </c>
      <c r="G1560" s="8">
        <v>-8.2747471571881004</v>
      </c>
      <c r="H1560" s="8">
        <v>63906</v>
      </c>
      <c r="I1560" s="8" t="s">
        <v>4739</v>
      </c>
      <c r="J1560" s="11" t="s">
        <v>4740</v>
      </c>
      <c r="K1560" s="8">
        <v>1</v>
      </c>
      <c r="L1560" s="8">
        <v>26890488</v>
      </c>
      <c r="M1560" s="8">
        <v>26900466</v>
      </c>
      <c r="N1560" s="12">
        <v>-1</v>
      </c>
    </row>
    <row r="1561" spans="1:14" ht="128.25" x14ac:dyDescent="0.2">
      <c r="A1561" s="8" t="s">
        <v>4741</v>
      </c>
      <c r="B1561" s="8">
        <v>-2.2388117510043801E-2</v>
      </c>
      <c r="C1561" s="8">
        <v>4.2289665119740896</v>
      </c>
      <c r="D1561" s="8">
        <v>-0.42662826813661098</v>
      </c>
      <c r="E1561" s="26">
        <v>0.67393188331257903</v>
      </c>
      <c r="F1561" s="8">
        <v>0.71440972132990599</v>
      </c>
      <c r="G1561" s="8">
        <v>-8.3145674952121098</v>
      </c>
      <c r="H1561" s="8">
        <v>54516</v>
      </c>
      <c r="I1561" s="8" t="s">
        <v>4742</v>
      </c>
      <c r="J1561" s="11" t="s">
        <v>4743</v>
      </c>
      <c r="K1561" s="8">
        <v>6</v>
      </c>
      <c r="L1561" s="8">
        <v>152987362</v>
      </c>
      <c r="M1561" s="8">
        <v>153002685</v>
      </c>
      <c r="N1561" s="12">
        <v>-1</v>
      </c>
    </row>
    <row r="1562" spans="1:14" ht="99.75" x14ac:dyDescent="0.2">
      <c r="A1562" s="8" t="s">
        <v>4744</v>
      </c>
      <c r="B1562" s="8">
        <v>2.1278444094087402E-2</v>
      </c>
      <c r="C1562" s="8">
        <v>5.0258967942603698</v>
      </c>
      <c r="D1562" s="8">
        <v>0.42298189415100002</v>
      </c>
      <c r="E1562" s="26">
        <v>0.67654916947503096</v>
      </c>
      <c r="F1562" s="8">
        <v>0.71689505774346196</v>
      </c>
      <c r="G1562" s="8">
        <v>-8.5008582185394097</v>
      </c>
      <c r="H1562" s="8">
        <v>79675</v>
      </c>
      <c r="I1562" s="8" t="s">
        <v>4745</v>
      </c>
      <c r="J1562" s="11" t="s">
        <v>4746</v>
      </c>
      <c r="K1562" s="8">
        <v>2</v>
      </c>
      <c r="L1562" s="8">
        <v>169529749</v>
      </c>
      <c r="M1562" s="8">
        <v>169573875</v>
      </c>
      <c r="N1562" s="12">
        <v>-1</v>
      </c>
    </row>
    <row r="1563" spans="1:14" ht="114" x14ac:dyDescent="0.2">
      <c r="A1563" s="8" t="s">
        <v>4747</v>
      </c>
      <c r="B1563" s="8">
        <v>-2.1230111822961601E-2</v>
      </c>
      <c r="C1563" s="8">
        <v>5.3351683258920604</v>
      </c>
      <c r="D1563" s="8">
        <v>-0.41837657002848799</v>
      </c>
      <c r="E1563" s="26">
        <v>0.67986075925515899</v>
      </c>
      <c r="F1563" s="8">
        <v>0.71992040604543694</v>
      </c>
      <c r="G1563" s="8">
        <v>-8.5609894526543808</v>
      </c>
      <c r="H1563" s="8">
        <v>23013</v>
      </c>
      <c r="I1563" s="8" t="s">
        <v>4748</v>
      </c>
      <c r="J1563" s="11" t="s">
        <v>4749</v>
      </c>
      <c r="K1563" s="8">
        <v>1</v>
      </c>
      <c r="L1563" s="8">
        <v>15847864</v>
      </c>
      <c r="M1563" s="8">
        <v>15940460</v>
      </c>
      <c r="N1563" s="12">
        <v>1</v>
      </c>
    </row>
    <row r="1564" spans="1:14" ht="128.25" x14ac:dyDescent="0.2">
      <c r="A1564" s="8" t="s">
        <v>4750</v>
      </c>
      <c r="B1564" s="8">
        <v>-2.3708677472095398E-2</v>
      </c>
      <c r="C1564" s="8">
        <v>4.7113566432522598</v>
      </c>
      <c r="D1564" s="8">
        <v>-0.41563705303690102</v>
      </c>
      <c r="E1564" s="26">
        <v>0.68183383704403</v>
      </c>
      <c r="F1564" s="8">
        <v>0.72160842817380899</v>
      </c>
      <c r="G1564" s="8">
        <v>-8.4356451435824606</v>
      </c>
      <c r="H1564" s="8">
        <v>64282</v>
      </c>
      <c r="I1564" s="8" t="s">
        <v>4751</v>
      </c>
      <c r="J1564" s="11" t="s">
        <v>4752</v>
      </c>
      <c r="K1564" s="8">
        <v>16</v>
      </c>
      <c r="L1564" s="8">
        <v>50152918</v>
      </c>
      <c r="M1564" s="8">
        <v>50235310</v>
      </c>
      <c r="N1564" s="12">
        <v>1</v>
      </c>
    </row>
    <row r="1565" spans="1:14" ht="114" x14ac:dyDescent="0.2">
      <c r="A1565" s="8" t="s">
        <v>4753</v>
      </c>
      <c r="B1565" s="8">
        <v>1.5048643819490301E-2</v>
      </c>
      <c r="C1565" s="8">
        <v>8.0315818778374304</v>
      </c>
      <c r="D1565" s="8">
        <v>0.414776318631628</v>
      </c>
      <c r="E1565" s="26">
        <v>0.68245424492895601</v>
      </c>
      <c r="F1565" s="8">
        <v>0.72211272697995998</v>
      </c>
      <c r="G1565" s="8">
        <v>-8.8126028034631805</v>
      </c>
      <c r="H1565" s="8" t="s">
        <v>4754</v>
      </c>
      <c r="I1565" s="8" t="s">
        <v>4755</v>
      </c>
      <c r="J1565" s="11" t="s">
        <v>4756</v>
      </c>
      <c r="K1565" s="8">
        <v>21</v>
      </c>
      <c r="L1565" s="8">
        <v>33542618</v>
      </c>
      <c r="M1565" s="8">
        <v>33577481</v>
      </c>
      <c r="N1565" s="12">
        <v>1</v>
      </c>
    </row>
    <row r="1566" spans="1:14" ht="99.75" x14ac:dyDescent="0.2">
      <c r="A1566" s="8" t="s">
        <v>4757</v>
      </c>
      <c r="B1566" s="8">
        <v>1.7542842024373499E-2</v>
      </c>
      <c r="C1566" s="8">
        <v>6.9129878992081704</v>
      </c>
      <c r="D1566" s="8">
        <v>0.41397583093346602</v>
      </c>
      <c r="E1566" s="26">
        <v>0.68303143414402501</v>
      </c>
      <c r="F1566" s="8">
        <v>0.72259379673046997</v>
      </c>
      <c r="G1566" s="8">
        <v>-8.7463490350353297</v>
      </c>
      <c r="H1566" s="8">
        <v>10767</v>
      </c>
      <c r="I1566" s="8" t="s">
        <v>4758</v>
      </c>
      <c r="J1566" s="11" t="s">
        <v>4759</v>
      </c>
      <c r="K1566" s="8">
        <v>6</v>
      </c>
      <c r="L1566" s="8">
        <v>134960378</v>
      </c>
      <c r="M1566" s="8">
        <v>135103056</v>
      </c>
      <c r="N1566" s="12">
        <v>-1</v>
      </c>
    </row>
    <row r="1567" spans="1:14" ht="128.25" x14ac:dyDescent="0.2">
      <c r="A1567" s="8" t="s">
        <v>4760</v>
      </c>
      <c r="B1567" s="8">
        <v>-1.78445774132703E-2</v>
      </c>
      <c r="C1567" s="8">
        <v>6.49148971082312</v>
      </c>
      <c r="D1567" s="8">
        <v>-0.41122801612973497</v>
      </c>
      <c r="E1567" s="26">
        <v>0.68501424732905802</v>
      </c>
      <c r="F1567" s="8">
        <v>0.72436840363109001</v>
      </c>
      <c r="G1567" s="8">
        <v>-8.7154652912688206</v>
      </c>
      <c r="H1567" s="8">
        <v>23589</v>
      </c>
      <c r="I1567" s="8" t="s">
        <v>4761</v>
      </c>
      <c r="J1567" s="11" t="s">
        <v>4762</v>
      </c>
      <c r="K1567" s="8">
        <v>16</v>
      </c>
      <c r="L1567" s="8">
        <v>8852942</v>
      </c>
      <c r="M1567" s="8">
        <v>8869012</v>
      </c>
      <c r="N1567" s="12">
        <v>-1</v>
      </c>
    </row>
    <row r="1568" spans="1:14" ht="142.5" x14ac:dyDescent="0.2">
      <c r="A1568" s="8" t="s">
        <v>4763</v>
      </c>
      <c r="B1568" s="8">
        <v>1.8285765294514499E-2</v>
      </c>
      <c r="C1568" s="8">
        <v>5.6313703543318701</v>
      </c>
      <c r="D1568" s="8">
        <v>0.40662872655230697</v>
      </c>
      <c r="E1568" s="26">
        <v>0.68833828242755901</v>
      </c>
      <c r="F1568" s="8">
        <v>0.72734628919911903</v>
      </c>
      <c r="G1568" s="8">
        <v>-8.6161861904169097</v>
      </c>
      <c r="H1568" s="8">
        <v>11231</v>
      </c>
      <c r="I1568" s="8" t="s">
        <v>4764</v>
      </c>
      <c r="J1568" s="11" t="s">
        <v>4765</v>
      </c>
      <c r="K1568" s="8">
        <v>6</v>
      </c>
      <c r="L1568" s="8">
        <v>107867756</v>
      </c>
      <c r="M1568" s="8">
        <v>107958189</v>
      </c>
      <c r="N1568" s="12">
        <v>-1</v>
      </c>
    </row>
    <row r="1569" spans="1:14" ht="114" x14ac:dyDescent="0.2">
      <c r="A1569" s="8" t="s">
        <v>4766</v>
      </c>
      <c r="B1569" s="8">
        <v>-1.51397073178616E-2</v>
      </c>
      <c r="C1569" s="8">
        <v>7.02663972374729</v>
      </c>
      <c r="D1569" s="8">
        <v>-0.40330250355804598</v>
      </c>
      <c r="E1569" s="26">
        <v>0.69074626836694797</v>
      </c>
      <c r="F1569" s="8">
        <v>0.72966687317511703</v>
      </c>
      <c r="G1569" s="8">
        <v>-8.7581421972942195</v>
      </c>
      <c r="H1569" s="8">
        <v>55037</v>
      </c>
      <c r="I1569" s="8" t="s">
        <v>4767</v>
      </c>
      <c r="J1569" s="11" t="s">
        <v>4768</v>
      </c>
      <c r="K1569" s="8">
        <v>2</v>
      </c>
      <c r="L1569" s="8">
        <v>86106182</v>
      </c>
      <c r="M1569" s="8">
        <v>86142157</v>
      </c>
      <c r="N1569" s="12">
        <v>1</v>
      </c>
    </row>
    <row r="1570" spans="1:14" ht="114" x14ac:dyDescent="0.2">
      <c r="A1570" s="8" t="s">
        <v>4769</v>
      </c>
      <c r="B1570" s="8">
        <v>1.8426487771828998E-2</v>
      </c>
      <c r="C1570" s="8">
        <v>5.2538971468465396</v>
      </c>
      <c r="D1570" s="8">
        <v>0.39298687854446801</v>
      </c>
      <c r="E1570" s="26">
        <v>0.69823542094660995</v>
      </c>
      <c r="F1570" s="8">
        <v>0.73646140414094097</v>
      </c>
      <c r="G1570" s="8">
        <v>-8.5577875545363007</v>
      </c>
      <c r="H1570" s="8">
        <v>85451</v>
      </c>
      <c r="I1570" s="8" t="s">
        <v>4770</v>
      </c>
      <c r="J1570" s="11" t="s">
        <v>4771</v>
      </c>
      <c r="K1570" s="8">
        <v>17</v>
      </c>
      <c r="L1570" s="8">
        <v>75784771</v>
      </c>
      <c r="M1570" s="8">
        <v>75825799</v>
      </c>
      <c r="N1570" s="12">
        <v>1</v>
      </c>
    </row>
    <row r="1571" spans="1:14" ht="114" x14ac:dyDescent="0.2">
      <c r="A1571" s="8" t="s">
        <v>4772</v>
      </c>
      <c r="B1571" s="8">
        <v>2.6554458344798498E-2</v>
      </c>
      <c r="C1571" s="8">
        <v>3.9062863142638902</v>
      </c>
      <c r="D1571" s="8">
        <v>0.391498424561951</v>
      </c>
      <c r="E1571" s="26">
        <v>0.69931866662742204</v>
      </c>
      <c r="F1571" s="8">
        <v>0.73731709187113703</v>
      </c>
      <c r="G1571" s="8">
        <v>-8.2470005097309595</v>
      </c>
      <c r="H1571" s="8">
        <v>11022</v>
      </c>
      <c r="I1571" s="8" t="s">
        <v>4773</v>
      </c>
      <c r="J1571" s="11" t="s">
        <v>4774</v>
      </c>
      <c r="K1571" s="8">
        <v>1</v>
      </c>
      <c r="L1571" s="8">
        <v>151770107</v>
      </c>
      <c r="M1571" s="8">
        <v>151791416</v>
      </c>
      <c r="N1571" s="12">
        <v>-1</v>
      </c>
    </row>
    <row r="1572" spans="1:14" ht="114" x14ac:dyDescent="0.2">
      <c r="A1572" s="8" t="s">
        <v>4775</v>
      </c>
      <c r="B1572" s="8">
        <v>1.6215773326532502E-2</v>
      </c>
      <c r="C1572" s="8">
        <v>8.5228036909052207</v>
      </c>
      <c r="D1572" s="8">
        <v>0.390852004032268</v>
      </c>
      <c r="E1572" s="26">
        <v>0.6997893138265</v>
      </c>
      <c r="F1572" s="8">
        <v>0.73773133761932597</v>
      </c>
      <c r="G1572" s="8">
        <v>-8.8486675158898205</v>
      </c>
      <c r="H1572" s="8">
        <v>10575</v>
      </c>
      <c r="I1572" s="8" t="s">
        <v>4776</v>
      </c>
      <c r="J1572" s="11" t="s">
        <v>4777</v>
      </c>
      <c r="K1572" s="8">
        <v>2</v>
      </c>
      <c r="L1572" s="8">
        <v>61868089</v>
      </c>
      <c r="M1572" s="8">
        <v>61888804</v>
      </c>
      <c r="N1572" s="12">
        <v>-1</v>
      </c>
    </row>
    <row r="1573" spans="1:14" ht="114" x14ac:dyDescent="0.2">
      <c r="A1573" s="8" t="s">
        <v>4778</v>
      </c>
      <c r="B1573" s="8">
        <v>-3.1568364845488098E-2</v>
      </c>
      <c r="C1573" s="8">
        <v>3.7217324030657699</v>
      </c>
      <c r="D1573" s="8">
        <v>-0.38375838644033899</v>
      </c>
      <c r="E1573" s="26">
        <v>0.70496213445006595</v>
      </c>
      <c r="F1573" s="8">
        <v>0.742607073297746</v>
      </c>
      <c r="G1573" s="8">
        <v>-8.1986013761784093</v>
      </c>
      <c r="H1573" s="8">
        <v>83707</v>
      </c>
      <c r="I1573" s="8" t="s">
        <v>4779</v>
      </c>
      <c r="J1573" s="11" t="s">
        <v>4780</v>
      </c>
      <c r="K1573" s="8">
        <v>11</v>
      </c>
      <c r="L1573" s="8">
        <v>64223799</v>
      </c>
      <c r="M1573" s="8">
        <v>64226254</v>
      </c>
      <c r="N1573" s="12">
        <v>-1</v>
      </c>
    </row>
    <row r="1574" spans="1:14" ht="128.25" x14ac:dyDescent="0.2">
      <c r="A1574" s="8" t="s">
        <v>4781</v>
      </c>
      <c r="B1574" s="8">
        <v>-3.5464201816465001E-2</v>
      </c>
      <c r="C1574" s="8">
        <v>2.6204921852323801</v>
      </c>
      <c r="D1574" s="8">
        <v>-0.37784949160589298</v>
      </c>
      <c r="E1574" s="26">
        <v>0.70928223261038104</v>
      </c>
      <c r="F1574" s="8">
        <v>0.74628792017338597</v>
      </c>
      <c r="G1574" s="8">
        <v>-7.8921122493066598</v>
      </c>
      <c r="H1574" s="8">
        <v>83640</v>
      </c>
      <c r="I1574" s="8" t="s">
        <v>4782</v>
      </c>
      <c r="J1574" s="11" t="s">
        <v>4783</v>
      </c>
      <c r="K1574" s="8">
        <v>15</v>
      </c>
      <c r="L1574" s="8">
        <v>82986207</v>
      </c>
      <c r="M1574" s="8">
        <v>82991057</v>
      </c>
      <c r="N1574" s="12">
        <v>1</v>
      </c>
    </row>
    <row r="1575" spans="1:14" ht="114" x14ac:dyDescent="0.2">
      <c r="A1575" s="8" t="s">
        <v>4784</v>
      </c>
      <c r="B1575" s="8">
        <v>2.54533017873468E-2</v>
      </c>
      <c r="C1575" s="8">
        <v>5.1774752210686996</v>
      </c>
      <c r="D1575" s="8">
        <v>0.374643987106419</v>
      </c>
      <c r="E1575" s="26">
        <v>0.71163004415033704</v>
      </c>
      <c r="F1575" s="8">
        <v>0.74850937743867496</v>
      </c>
      <c r="G1575" s="8">
        <v>-8.5508317268265497</v>
      </c>
      <c r="H1575" s="8">
        <v>4329</v>
      </c>
      <c r="I1575" s="8" t="s">
        <v>4785</v>
      </c>
      <c r="J1575" s="11" t="s">
        <v>4786</v>
      </c>
      <c r="K1575" s="8">
        <v>14</v>
      </c>
      <c r="L1575" s="8">
        <v>74056850</v>
      </c>
      <c r="M1575" s="8">
        <v>74084493</v>
      </c>
      <c r="N1575" s="12">
        <v>-1</v>
      </c>
    </row>
    <row r="1576" spans="1:14" ht="114" x14ac:dyDescent="0.2">
      <c r="A1576" s="8" t="s">
        <v>4787</v>
      </c>
      <c r="B1576" s="8">
        <v>-1.7818907016840399E-2</v>
      </c>
      <c r="C1576" s="8">
        <v>6.4399118594847504</v>
      </c>
      <c r="D1576" s="8">
        <v>-0.37408286644483602</v>
      </c>
      <c r="E1576" s="26">
        <v>0.712041328826996</v>
      </c>
      <c r="F1576" s="8">
        <v>0.74881829212980799</v>
      </c>
      <c r="G1576" s="8">
        <v>-8.7261095857815096</v>
      </c>
      <c r="H1576" s="8">
        <v>85364</v>
      </c>
      <c r="I1576" s="8" t="s">
        <v>4788</v>
      </c>
      <c r="J1576" s="11" t="s">
        <v>4789</v>
      </c>
      <c r="K1576" s="8">
        <v>20</v>
      </c>
      <c r="L1576" s="8">
        <v>296968</v>
      </c>
      <c r="M1576" s="8">
        <v>300321</v>
      </c>
      <c r="N1576" s="12">
        <v>1</v>
      </c>
    </row>
    <row r="1577" spans="1:14" ht="128.25" x14ac:dyDescent="0.2">
      <c r="A1577" s="8" t="s">
        <v>4790</v>
      </c>
      <c r="B1577" s="8">
        <v>1.5696345449809398E-2</v>
      </c>
      <c r="C1577" s="8">
        <v>7.4881833998096301</v>
      </c>
      <c r="D1577" s="8">
        <v>0.372506248302228</v>
      </c>
      <c r="E1577" s="26">
        <v>0.71319742310329204</v>
      </c>
      <c r="F1577" s="8">
        <v>0.74990843851014899</v>
      </c>
      <c r="G1577" s="8">
        <v>-8.7990131809716203</v>
      </c>
      <c r="H1577" s="8">
        <v>55379</v>
      </c>
      <c r="I1577" s="8" t="s">
        <v>4791</v>
      </c>
      <c r="J1577" s="11" t="s">
        <v>4792</v>
      </c>
      <c r="K1577" s="8">
        <v>17</v>
      </c>
      <c r="L1577" s="8">
        <v>50375059</v>
      </c>
      <c r="M1577" s="8">
        <v>50397553</v>
      </c>
      <c r="N1577" s="12">
        <v>-1</v>
      </c>
    </row>
    <row r="1578" spans="1:14" ht="128.25" x14ac:dyDescent="0.2">
      <c r="A1578" s="8" t="s">
        <v>4793</v>
      </c>
      <c r="B1578" s="8">
        <v>1.7009449639823E-2</v>
      </c>
      <c r="C1578" s="8">
        <v>5.2337029245642501</v>
      </c>
      <c r="D1578" s="8">
        <v>0.37089969195077999</v>
      </c>
      <c r="E1578" s="26">
        <v>0.71437619701633404</v>
      </c>
      <c r="F1578" s="8">
        <v>0.75086239851501502</v>
      </c>
      <c r="G1578" s="8">
        <v>-8.5627655692890201</v>
      </c>
      <c r="H1578" s="8">
        <v>57794</v>
      </c>
      <c r="I1578" s="8" t="s">
        <v>4794</v>
      </c>
      <c r="J1578" s="11" t="s">
        <v>4795</v>
      </c>
      <c r="K1578" s="8">
        <v>19</v>
      </c>
      <c r="L1578" s="8">
        <v>19276018</v>
      </c>
      <c r="M1578" s="8">
        <v>19320844</v>
      </c>
      <c r="N1578" s="12">
        <v>-1</v>
      </c>
    </row>
    <row r="1579" spans="1:14" ht="156.75" x14ac:dyDescent="0.2">
      <c r="A1579" s="8" t="s">
        <v>4796</v>
      </c>
      <c r="B1579" s="8">
        <v>-1.9198757489283999E-2</v>
      </c>
      <c r="C1579" s="8">
        <v>5.2495264174100598</v>
      </c>
      <c r="D1579" s="8">
        <v>-0.37049336066923799</v>
      </c>
      <c r="E1579" s="26">
        <v>0.71467444919474699</v>
      </c>
      <c r="F1579" s="8">
        <v>0.75112854576698695</v>
      </c>
      <c r="G1579" s="8">
        <v>-8.5651713749977993</v>
      </c>
      <c r="H1579" s="8">
        <v>6637</v>
      </c>
      <c r="I1579" s="8" t="s">
        <v>4797</v>
      </c>
      <c r="J1579" s="11" t="s">
        <v>4798</v>
      </c>
      <c r="K1579" s="8">
        <v>2</v>
      </c>
      <c r="L1579" s="8">
        <v>70281362</v>
      </c>
      <c r="M1579" s="8">
        <v>70293771</v>
      </c>
      <c r="N1579" s="12">
        <v>-1</v>
      </c>
    </row>
    <row r="1580" spans="1:14" ht="85.5" x14ac:dyDescent="0.2">
      <c r="A1580" s="8" t="s">
        <v>4799</v>
      </c>
      <c r="B1580" s="8">
        <v>-1.35653906956987E-2</v>
      </c>
      <c r="C1580" s="8">
        <v>7.7130668084195504</v>
      </c>
      <c r="D1580" s="8">
        <v>-0.36911806198661601</v>
      </c>
      <c r="E1580" s="26">
        <v>0.71568428176577803</v>
      </c>
      <c r="F1580" s="8">
        <v>0.75206493244748696</v>
      </c>
      <c r="G1580" s="8">
        <v>-8.8131703599219406</v>
      </c>
      <c r="H1580" s="8">
        <v>1653</v>
      </c>
      <c r="I1580" s="8" t="s">
        <v>4800</v>
      </c>
      <c r="J1580" s="11" t="s">
        <v>4801</v>
      </c>
      <c r="K1580" s="8">
        <v>2</v>
      </c>
      <c r="L1580" s="8">
        <v>15591178</v>
      </c>
      <c r="M1580" s="8">
        <v>15631111</v>
      </c>
      <c r="N1580" s="12">
        <v>1</v>
      </c>
    </row>
    <row r="1581" spans="1:14" ht="128.25" x14ac:dyDescent="0.2">
      <c r="A1581" s="8" t="s">
        <v>4802</v>
      </c>
      <c r="B1581" s="8">
        <v>2.0116024784359299E-2</v>
      </c>
      <c r="C1581" s="8">
        <v>5.0049002492514303</v>
      </c>
      <c r="D1581" s="8">
        <v>0.36840903104227801</v>
      </c>
      <c r="E1581" s="26">
        <v>0.71620510630043399</v>
      </c>
      <c r="F1581" s="8">
        <v>0.75248722745340102</v>
      </c>
      <c r="G1581" s="8">
        <v>-8.5189454222335996</v>
      </c>
      <c r="H1581" s="8">
        <v>58509</v>
      </c>
      <c r="I1581" s="8" t="s">
        <v>4803</v>
      </c>
      <c r="J1581" s="11" t="s">
        <v>4804</v>
      </c>
      <c r="K1581" s="8">
        <v>19</v>
      </c>
      <c r="L1581" s="8">
        <v>3610641</v>
      </c>
      <c r="M1581" s="8">
        <v>3626815</v>
      </c>
      <c r="N1581" s="12">
        <v>-1</v>
      </c>
    </row>
    <row r="1582" spans="1:14" ht="99.75" x14ac:dyDescent="0.2">
      <c r="A1582" s="8" t="s">
        <v>4805</v>
      </c>
      <c r="B1582" s="8">
        <v>-1.3409982229728E-2</v>
      </c>
      <c r="C1582" s="8">
        <v>8.5880861499508594</v>
      </c>
      <c r="D1582" s="8">
        <v>-0.361891037611348</v>
      </c>
      <c r="E1582" s="26">
        <v>0.72099955439192798</v>
      </c>
      <c r="F1582" s="8">
        <v>0.75685410685339205</v>
      </c>
      <c r="G1582" s="8">
        <v>-8.8631045985210495</v>
      </c>
      <c r="H1582" s="8">
        <v>6193</v>
      </c>
      <c r="I1582" s="8" t="s">
        <v>4806</v>
      </c>
      <c r="J1582" s="11" t="s">
        <v>4807</v>
      </c>
      <c r="K1582" s="8">
        <v>19</v>
      </c>
      <c r="L1582" s="8">
        <v>58386400</v>
      </c>
      <c r="M1582" s="8">
        <v>58394806</v>
      </c>
      <c r="N1582" s="12">
        <v>1</v>
      </c>
    </row>
    <row r="1583" spans="1:14" ht="114" x14ac:dyDescent="0.2">
      <c r="A1583" s="8" t="s">
        <v>4808</v>
      </c>
      <c r="B1583" s="8">
        <v>-1.5855748533205399E-2</v>
      </c>
      <c r="C1583" s="8">
        <v>6.6346471608591102</v>
      </c>
      <c r="D1583" s="8">
        <v>-0.35964749301109999</v>
      </c>
      <c r="E1583" s="26">
        <v>0.72265257601891197</v>
      </c>
      <c r="F1583" s="8">
        <v>0.75842152057907797</v>
      </c>
      <c r="G1583" s="8">
        <v>-8.7479426350279699</v>
      </c>
      <c r="H1583" s="8">
        <v>27161</v>
      </c>
      <c r="I1583" s="8" t="s">
        <v>4809</v>
      </c>
      <c r="J1583" s="11" t="s">
        <v>4810</v>
      </c>
      <c r="K1583" s="8">
        <v>8</v>
      </c>
      <c r="L1583" s="8">
        <v>140520156</v>
      </c>
      <c r="M1583" s="8">
        <v>140635619</v>
      </c>
      <c r="N1583" s="12">
        <v>-1</v>
      </c>
    </row>
    <row r="1584" spans="1:14" ht="128.25" x14ac:dyDescent="0.2">
      <c r="A1584" s="8" t="s">
        <v>4811</v>
      </c>
      <c r="B1584" s="8">
        <v>1.8171599375246001E-2</v>
      </c>
      <c r="C1584" s="8">
        <v>4.9899270075881397</v>
      </c>
      <c r="D1584" s="8">
        <v>0.35724292723027501</v>
      </c>
      <c r="E1584" s="26">
        <v>0.72442577792116303</v>
      </c>
      <c r="F1584" s="8">
        <v>0.75994626797180298</v>
      </c>
      <c r="G1584" s="8">
        <v>-8.5200486941370102</v>
      </c>
      <c r="H1584" s="8">
        <v>27037</v>
      </c>
      <c r="I1584" s="8" t="s">
        <v>4812</v>
      </c>
      <c r="J1584" s="11" t="s">
        <v>4813</v>
      </c>
      <c r="K1584" s="8">
        <v>22</v>
      </c>
      <c r="L1584" s="8">
        <v>20111866</v>
      </c>
      <c r="M1584" s="8">
        <v>20117392</v>
      </c>
      <c r="N1584" s="12">
        <v>-1</v>
      </c>
    </row>
    <row r="1585" spans="1:14" ht="99.75" x14ac:dyDescent="0.2">
      <c r="A1585" s="8" t="s">
        <v>4814</v>
      </c>
      <c r="B1585" s="8">
        <v>-1.6149359580928099E-2</v>
      </c>
      <c r="C1585" s="8">
        <v>6.67118304635098</v>
      </c>
      <c r="D1585" s="8">
        <v>-0.34925581594764599</v>
      </c>
      <c r="E1585" s="26">
        <v>0.73032705541546705</v>
      </c>
      <c r="F1585" s="8">
        <v>0.765164055132739</v>
      </c>
      <c r="G1585" s="8">
        <v>-8.7545579172352799</v>
      </c>
      <c r="H1585" s="8">
        <v>10212</v>
      </c>
      <c r="I1585" s="8" t="s">
        <v>4815</v>
      </c>
      <c r="J1585" s="11" t="s">
        <v>4816</v>
      </c>
      <c r="K1585" s="8">
        <v>19</v>
      </c>
      <c r="L1585" s="8">
        <v>14408819</v>
      </c>
      <c r="M1585" s="8">
        <v>14419383</v>
      </c>
      <c r="N1585" s="12">
        <v>-1</v>
      </c>
    </row>
    <row r="1586" spans="1:14" ht="99.75" x14ac:dyDescent="0.2">
      <c r="A1586" s="8" t="s">
        <v>4817</v>
      </c>
      <c r="B1586" s="8">
        <v>2.1673722040190999E-2</v>
      </c>
      <c r="C1586" s="8">
        <v>3.9988234186904799</v>
      </c>
      <c r="D1586" s="8">
        <v>0.34775171204003202</v>
      </c>
      <c r="E1586" s="26">
        <v>0.73144029308701397</v>
      </c>
      <c r="F1586" s="8">
        <v>0.76620349094238605</v>
      </c>
      <c r="G1586" s="8">
        <v>-8.2881108651395294</v>
      </c>
      <c r="H1586" s="8">
        <v>53938</v>
      </c>
      <c r="I1586" s="8" t="s">
        <v>4818</v>
      </c>
      <c r="J1586" s="11" t="s">
        <v>4819</v>
      </c>
      <c r="K1586" s="8">
        <v>2</v>
      </c>
      <c r="L1586" s="8">
        <v>200870907</v>
      </c>
      <c r="M1586" s="8">
        <v>200889303</v>
      </c>
      <c r="N1586" s="12">
        <v>-1</v>
      </c>
    </row>
    <row r="1587" spans="1:14" ht="99.75" x14ac:dyDescent="0.2">
      <c r="A1587" s="8" t="s">
        <v>4820</v>
      </c>
      <c r="B1587" s="8">
        <v>-1.6162020483560201E-2</v>
      </c>
      <c r="C1587" s="8">
        <v>5.0475455739477901</v>
      </c>
      <c r="D1587" s="8">
        <v>-0.34632448227682899</v>
      </c>
      <c r="E1587" s="26">
        <v>0.73249719432122296</v>
      </c>
      <c r="F1587" s="8">
        <v>0.767193305896258</v>
      </c>
      <c r="G1587" s="8">
        <v>-8.5350815364590709</v>
      </c>
      <c r="H1587" s="8">
        <v>51362</v>
      </c>
      <c r="I1587" s="8" t="s">
        <v>4821</v>
      </c>
      <c r="J1587" s="11" t="s">
        <v>4822</v>
      </c>
      <c r="K1587" s="8">
        <v>6</v>
      </c>
      <c r="L1587" s="8">
        <v>110180141</v>
      </c>
      <c r="M1587" s="8">
        <v>110254275</v>
      </c>
      <c r="N1587" s="12">
        <v>1</v>
      </c>
    </row>
    <row r="1588" spans="1:14" ht="128.25" x14ac:dyDescent="0.2">
      <c r="A1588" s="8" t="s">
        <v>4823</v>
      </c>
      <c r="B1588" s="8">
        <v>-3.5121497401887899E-2</v>
      </c>
      <c r="C1588" s="8">
        <v>4.7919233648039397</v>
      </c>
      <c r="D1588" s="8">
        <v>-0.34097304057732603</v>
      </c>
      <c r="E1588" s="26">
        <v>0.73646490609767101</v>
      </c>
      <c r="F1588" s="8">
        <v>0.77061615146755102</v>
      </c>
      <c r="G1588" s="8">
        <v>-8.4826598059925598</v>
      </c>
      <c r="H1588" s="8">
        <v>79080</v>
      </c>
      <c r="I1588" s="8" t="s">
        <v>4824</v>
      </c>
      <c r="J1588" s="11" t="s">
        <v>4825</v>
      </c>
      <c r="K1588" s="8">
        <v>11</v>
      </c>
      <c r="L1588" s="8">
        <v>60842071</v>
      </c>
      <c r="M1588" s="8">
        <v>60851081</v>
      </c>
      <c r="N1588" s="12">
        <v>1</v>
      </c>
    </row>
    <row r="1589" spans="1:14" ht="128.25" x14ac:dyDescent="0.2">
      <c r="A1589" s="8" t="s">
        <v>4826</v>
      </c>
      <c r="B1589" s="8">
        <v>4.3947427327151803E-2</v>
      </c>
      <c r="C1589" s="8">
        <v>1.5212153738565299</v>
      </c>
      <c r="D1589" s="8">
        <v>0.33447908316262498</v>
      </c>
      <c r="E1589" s="26">
        <v>0.74128983612953403</v>
      </c>
      <c r="F1589" s="8">
        <v>0.77498111614313403</v>
      </c>
      <c r="G1589" s="8">
        <v>-7.5885427548402502</v>
      </c>
      <c r="H1589" s="8">
        <v>113802</v>
      </c>
      <c r="I1589" s="8" t="s">
        <v>4827</v>
      </c>
      <c r="J1589" s="11" t="s">
        <v>4828</v>
      </c>
      <c r="K1589" s="8">
        <v>1</v>
      </c>
      <c r="L1589" s="8">
        <v>108648290</v>
      </c>
      <c r="M1589" s="8">
        <v>108661526</v>
      </c>
      <c r="N1589" s="12">
        <v>-1</v>
      </c>
    </row>
    <row r="1590" spans="1:14" ht="114" x14ac:dyDescent="0.2">
      <c r="A1590" s="8" t="s">
        <v>4829</v>
      </c>
      <c r="B1590" s="8">
        <v>-2.2106243538787301E-2</v>
      </c>
      <c r="C1590" s="8">
        <v>5.78741337916437</v>
      </c>
      <c r="D1590" s="8">
        <v>-0.33325128976920498</v>
      </c>
      <c r="E1590" s="26">
        <v>0.74220330536279999</v>
      </c>
      <c r="F1590" s="8">
        <v>0.77580788355107999</v>
      </c>
      <c r="G1590" s="8">
        <v>-8.6667395923344994</v>
      </c>
      <c r="H1590" s="8">
        <v>65993</v>
      </c>
      <c r="I1590" s="8" t="s">
        <v>4830</v>
      </c>
      <c r="J1590" s="11" t="s">
        <v>4831</v>
      </c>
      <c r="K1590" s="8">
        <v>16</v>
      </c>
      <c r="L1590" s="8">
        <v>1771890</v>
      </c>
      <c r="M1590" s="8">
        <v>1773155</v>
      </c>
      <c r="N1590" s="12">
        <v>-1</v>
      </c>
    </row>
    <row r="1591" spans="1:14" ht="99.75" x14ac:dyDescent="0.2">
      <c r="A1591" s="8" t="s">
        <v>4832</v>
      </c>
      <c r="B1591" s="8">
        <v>-1.45529628158272E-2</v>
      </c>
      <c r="C1591" s="8">
        <v>8.9483481320635807</v>
      </c>
      <c r="D1591" s="8">
        <v>-0.33288303373740202</v>
      </c>
      <c r="E1591" s="26">
        <v>0.74247736109743401</v>
      </c>
      <c r="F1591" s="8">
        <v>0.77605160175952903</v>
      </c>
      <c r="G1591" s="8">
        <v>-8.8904678766896801</v>
      </c>
      <c r="H1591" s="8">
        <v>3376</v>
      </c>
      <c r="I1591" s="8" t="s">
        <v>4833</v>
      </c>
      <c r="J1591" s="11" t="s">
        <v>4834</v>
      </c>
      <c r="K1591" s="8">
        <v>9</v>
      </c>
      <c r="L1591" s="8">
        <v>92210207</v>
      </c>
      <c r="M1591" s="8">
        <v>92293756</v>
      </c>
      <c r="N1591" s="12">
        <v>-1</v>
      </c>
    </row>
    <row r="1592" spans="1:14" ht="128.25" x14ac:dyDescent="0.2">
      <c r="A1592" s="8" t="s">
        <v>4835</v>
      </c>
      <c r="B1592" s="8">
        <v>2.4464257993847702E-2</v>
      </c>
      <c r="C1592" s="8">
        <v>4.3338970742310696</v>
      </c>
      <c r="D1592" s="8">
        <v>0.33134622452823198</v>
      </c>
      <c r="E1592" s="26">
        <v>0.74362143016872395</v>
      </c>
      <c r="F1592" s="8">
        <v>0.77703341667925097</v>
      </c>
      <c r="G1592" s="8">
        <v>-8.3794712750216291</v>
      </c>
      <c r="H1592" s="8">
        <v>115098</v>
      </c>
      <c r="I1592" s="8" t="s">
        <v>4836</v>
      </c>
      <c r="J1592" s="11" t="s">
        <v>4837</v>
      </c>
      <c r="K1592" s="8">
        <v>19</v>
      </c>
      <c r="L1592" s="8">
        <v>17933016</v>
      </c>
      <c r="M1592" s="8">
        <v>17943991</v>
      </c>
      <c r="N1592" s="12">
        <v>1</v>
      </c>
    </row>
    <row r="1593" spans="1:14" ht="128.25" x14ac:dyDescent="0.2">
      <c r="A1593" s="8" t="s">
        <v>4838</v>
      </c>
      <c r="B1593" s="8">
        <v>1.9503991141328399E-2</v>
      </c>
      <c r="C1593" s="8">
        <v>6.3093313841338698</v>
      </c>
      <c r="D1593" s="8">
        <v>0.32778495832158999</v>
      </c>
      <c r="E1593" s="26">
        <v>0.74627492378334304</v>
      </c>
      <c r="F1593" s="8">
        <v>0.77924833435878105</v>
      </c>
      <c r="G1593" s="8">
        <v>-8.7310585029942906</v>
      </c>
      <c r="H1593" s="8">
        <v>10929</v>
      </c>
      <c r="I1593" s="8" t="s">
        <v>4839</v>
      </c>
      <c r="J1593" s="11" t="s">
        <v>4840</v>
      </c>
      <c r="K1593" s="8">
        <v>11</v>
      </c>
      <c r="L1593" s="8">
        <v>95067197</v>
      </c>
      <c r="M1593" s="8">
        <v>95071224</v>
      </c>
      <c r="N1593" s="12">
        <v>1</v>
      </c>
    </row>
    <row r="1594" spans="1:14" ht="71.25" x14ac:dyDescent="0.2">
      <c r="A1594" s="8" t="s">
        <v>4841</v>
      </c>
      <c r="B1594" s="8">
        <v>1.4685271635425301E-2</v>
      </c>
      <c r="C1594" s="8">
        <v>10.0396078050555</v>
      </c>
      <c r="D1594" s="8">
        <v>0.32091942516963901</v>
      </c>
      <c r="E1594" s="26">
        <v>0.75139950615308304</v>
      </c>
      <c r="F1594" s="8">
        <v>0.78386611116854799</v>
      </c>
      <c r="G1594" s="8">
        <v>-8.9372890646362908</v>
      </c>
      <c r="H1594" s="8">
        <v>2316</v>
      </c>
      <c r="I1594" s="8" t="s">
        <v>4842</v>
      </c>
      <c r="J1594" s="11" t="s">
        <v>4843</v>
      </c>
      <c r="K1594" s="8" t="s">
        <v>108</v>
      </c>
      <c r="L1594" s="8">
        <v>154348524</v>
      </c>
      <c r="M1594" s="8">
        <v>154374638</v>
      </c>
      <c r="N1594" s="12">
        <v>-1</v>
      </c>
    </row>
    <row r="1595" spans="1:14" ht="114" x14ac:dyDescent="0.2">
      <c r="A1595" s="8" t="s">
        <v>4844</v>
      </c>
      <c r="B1595" s="8">
        <v>-1.39247461937435E-2</v>
      </c>
      <c r="C1595" s="8">
        <v>4.8437527303617598</v>
      </c>
      <c r="D1595" s="8">
        <v>-0.29834136237272302</v>
      </c>
      <c r="E1595" s="26">
        <v>0.768334108889833</v>
      </c>
      <c r="F1595" s="8">
        <v>0.79955452864676202</v>
      </c>
      <c r="G1595" s="8">
        <v>-8.5086216989838697</v>
      </c>
      <c r="H1595" s="8">
        <v>57461</v>
      </c>
      <c r="I1595" s="8" t="s">
        <v>4845</v>
      </c>
      <c r="J1595" s="11" t="s">
        <v>4846</v>
      </c>
      <c r="K1595" s="8">
        <v>3</v>
      </c>
      <c r="L1595" s="8">
        <v>129127415</v>
      </c>
      <c r="M1595" s="8">
        <v>129161293</v>
      </c>
      <c r="N1595" s="12">
        <v>-1</v>
      </c>
    </row>
    <row r="1596" spans="1:14" ht="99.75" x14ac:dyDescent="0.2">
      <c r="A1596" s="8" t="s">
        <v>4847</v>
      </c>
      <c r="B1596" s="8">
        <v>1.3588533922358301E-2</v>
      </c>
      <c r="C1596" s="8">
        <v>4.5488835038048503</v>
      </c>
      <c r="D1596" s="8">
        <v>0.29215272762455202</v>
      </c>
      <c r="E1596" s="26">
        <v>0.77299705684958397</v>
      </c>
      <c r="F1596" s="8">
        <v>0.80350961385084596</v>
      </c>
      <c r="G1596" s="8">
        <v>-8.4442701044310802</v>
      </c>
      <c r="H1596" s="8">
        <v>83479</v>
      </c>
      <c r="I1596" s="8" t="s">
        <v>4848</v>
      </c>
      <c r="J1596" s="11" t="s">
        <v>4849</v>
      </c>
      <c r="K1596" s="8">
        <v>1</v>
      </c>
      <c r="L1596" s="8">
        <v>200623896</v>
      </c>
      <c r="M1596" s="8">
        <v>200669969</v>
      </c>
      <c r="N1596" s="12">
        <v>-1</v>
      </c>
    </row>
    <row r="1597" spans="1:14" ht="128.25" x14ac:dyDescent="0.2">
      <c r="A1597" s="8" t="s">
        <v>4850</v>
      </c>
      <c r="B1597" s="8">
        <v>-2.1458292432631899E-2</v>
      </c>
      <c r="C1597" s="8">
        <v>2.8873007593997899</v>
      </c>
      <c r="D1597" s="8">
        <v>-0.26472875332698897</v>
      </c>
      <c r="E1597" s="26">
        <v>0.79376374896049395</v>
      </c>
      <c r="F1597" s="8">
        <v>0.82155738554803903</v>
      </c>
      <c r="G1597" s="8">
        <v>-8.0067518600637992</v>
      </c>
      <c r="H1597" s="8">
        <v>60686</v>
      </c>
      <c r="I1597" s="8" t="s">
        <v>4851</v>
      </c>
      <c r="J1597" s="11" t="s">
        <v>4852</v>
      </c>
      <c r="K1597" s="8">
        <v>14</v>
      </c>
      <c r="L1597" s="8">
        <v>22985908</v>
      </c>
      <c r="M1597" s="8">
        <v>23010166</v>
      </c>
      <c r="N1597" s="12">
        <v>-1</v>
      </c>
    </row>
    <row r="1598" spans="1:14" ht="142.5" x14ac:dyDescent="0.2">
      <c r="A1598" s="8" t="s">
        <v>4853</v>
      </c>
      <c r="B1598" s="8">
        <v>-1.3855915053089699E-2</v>
      </c>
      <c r="C1598" s="8">
        <v>4.3789714233267398</v>
      </c>
      <c r="D1598" s="8">
        <v>-0.25248144547991802</v>
      </c>
      <c r="E1598" s="26">
        <v>0.80308988021405703</v>
      </c>
      <c r="F1598" s="8">
        <v>0.83012346297849404</v>
      </c>
      <c r="G1598" s="8">
        <v>-8.4137419812555301</v>
      </c>
      <c r="H1598" s="8">
        <v>84619</v>
      </c>
      <c r="I1598" s="8" t="s">
        <v>4854</v>
      </c>
      <c r="J1598" s="11" t="s">
        <v>4855</v>
      </c>
      <c r="K1598" s="8">
        <v>20</v>
      </c>
      <c r="L1598" s="8">
        <v>63707465</v>
      </c>
      <c r="M1598" s="8">
        <v>63736142</v>
      </c>
      <c r="N1598" s="12">
        <v>1</v>
      </c>
    </row>
    <row r="1599" spans="1:14" ht="142.5" x14ac:dyDescent="0.2">
      <c r="A1599" s="8" t="s">
        <v>4856</v>
      </c>
      <c r="B1599" s="8">
        <v>-3.5668401220863198E-2</v>
      </c>
      <c r="C1599" s="8">
        <v>1.5949009287035101</v>
      </c>
      <c r="D1599" s="8">
        <v>-0.25083940308632902</v>
      </c>
      <c r="E1599" s="26">
        <v>0.80434259150231502</v>
      </c>
      <c r="F1599" s="8">
        <v>0.83132777947494396</v>
      </c>
      <c r="G1599" s="8">
        <v>-7.6329792934831699</v>
      </c>
      <c r="H1599" s="8">
        <v>199746</v>
      </c>
      <c r="I1599" s="8" t="s">
        <v>4857</v>
      </c>
      <c r="J1599" s="11" t="s">
        <v>4858</v>
      </c>
      <c r="K1599" s="8">
        <v>19</v>
      </c>
      <c r="L1599" s="8">
        <v>35742464</v>
      </c>
      <c r="M1599" s="8">
        <v>35745445</v>
      </c>
      <c r="N1599" s="12">
        <v>-1</v>
      </c>
    </row>
    <row r="1600" spans="1:14" ht="128.25" x14ac:dyDescent="0.2">
      <c r="A1600" s="8" t="s">
        <v>4859</v>
      </c>
      <c r="B1600" s="8">
        <v>-9.9446538869454298E-3</v>
      </c>
      <c r="C1600" s="8">
        <v>7.3085240087306396</v>
      </c>
      <c r="D1600" s="8">
        <v>-0.240456224553736</v>
      </c>
      <c r="E1600" s="26">
        <v>0.81227623926039905</v>
      </c>
      <c r="F1600" s="8">
        <v>0.83838606507367497</v>
      </c>
      <c r="G1600" s="8">
        <v>-8.8303526876592002</v>
      </c>
      <c r="H1600" s="8">
        <v>10923</v>
      </c>
      <c r="I1600" s="8" t="s">
        <v>4860</v>
      </c>
      <c r="J1600" s="11" t="s">
        <v>4861</v>
      </c>
      <c r="K1600" s="8">
        <v>5</v>
      </c>
      <c r="L1600" s="8">
        <v>32531633</v>
      </c>
      <c r="M1600" s="8">
        <v>32604079</v>
      </c>
      <c r="N1600" s="12">
        <v>1</v>
      </c>
    </row>
    <row r="1601" spans="1:14" ht="128.25" x14ac:dyDescent="0.2">
      <c r="A1601" s="8" t="s">
        <v>4862</v>
      </c>
      <c r="B1601" s="8">
        <v>9.56597059673037E-3</v>
      </c>
      <c r="C1601" s="8">
        <v>8.2403055412444797</v>
      </c>
      <c r="D1601" s="8">
        <v>0.240289310230864</v>
      </c>
      <c r="E1601" s="26">
        <v>0.812403947624603</v>
      </c>
      <c r="F1601" s="8">
        <v>0.83847227465448904</v>
      </c>
      <c r="G1601" s="8">
        <v>-8.8834267718203694</v>
      </c>
      <c r="H1601" s="8">
        <v>6738</v>
      </c>
      <c r="I1601" s="8" t="s">
        <v>4863</v>
      </c>
      <c r="J1601" s="11" t="s">
        <v>4864</v>
      </c>
      <c r="K1601" s="8">
        <v>1</v>
      </c>
      <c r="L1601" s="8">
        <v>193059422</v>
      </c>
      <c r="M1601" s="8">
        <v>193091777</v>
      </c>
      <c r="N1601" s="12">
        <v>1</v>
      </c>
    </row>
    <row r="1602" spans="1:14" ht="142.5" x14ac:dyDescent="0.2">
      <c r="A1602" s="8" t="s">
        <v>4865</v>
      </c>
      <c r="B1602" s="8">
        <v>-1.3096207901908999E-2</v>
      </c>
      <c r="C1602" s="8">
        <v>4.17174155552794</v>
      </c>
      <c r="D1602" s="8">
        <v>-0.238617739032816</v>
      </c>
      <c r="E1602" s="26">
        <v>0.813683183332365</v>
      </c>
      <c r="F1602" s="8">
        <v>0.83947296782093594</v>
      </c>
      <c r="G1602" s="8">
        <v>-8.3652723885788305</v>
      </c>
      <c r="H1602" s="8">
        <v>11129</v>
      </c>
      <c r="I1602" s="8" t="s">
        <v>4866</v>
      </c>
      <c r="J1602" s="11" t="s">
        <v>4867</v>
      </c>
      <c r="K1602" s="8">
        <v>19</v>
      </c>
      <c r="L1602" s="8">
        <v>45039040</v>
      </c>
      <c r="M1602" s="8">
        <v>45070956</v>
      </c>
      <c r="N1602" s="12">
        <v>1</v>
      </c>
    </row>
    <row r="1603" spans="1:14" ht="128.25" x14ac:dyDescent="0.2">
      <c r="A1603" s="8" t="s">
        <v>4868</v>
      </c>
      <c r="B1603" s="8">
        <v>1.1146860776356101E-2</v>
      </c>
      <c r="C1603" s="8">
        <v>6.1704977447736198</v>
      </c>
      <c r="D1603" s="8">
        <v>0.23277825088654699</v>
      </c>
      <c r="E1603" s="26">
        <v>0.81815624134984899</v>
      </c>
      <c r="F1603" s="8">
        <v>0.84330840215610703</v>
      </c>
      <c r="G1603" s="8">
        <v>-8.7442778244431096</v>
      </c>
      <c r="H1603" s="8">
        <v>6734</v>
      </c>
      <c r="I1603" s="8" t="s">
        <v>4869</v>
      </c>
      <c r="J1603" s="11" t="s">
        <v>4870</v>
      </c>
      <c r="K1603" s="8">
        <v>11</v>
      </c>
      <c r="L1603" s="8">
        <v>126262919</v>
      </c>
      <c r="M1603" s="8">
        <v>126269144</v>
      </c>
      <c r="N1603" s="12">
        <v>-1</v>
      </c>
    </row>
    <row r="1604" spans="1:14" ht="114" x14ac:dyDescent="0.2">
      <c r="A1604" s="8" t="s">
        <v>4871</v>
      </c>
      <c r="B1604" s="8">
        <v>-9.3822125430085297E-3</v>
      </c>
      <c r="C1604" s="8">
        <v>6.2936289938797998</v>
      </c>
      <c r="D1604" s="8">
        <v>-0.229442754311902</v>
      </c>
      <c r="E1604" s="26">
        <v>0.82071409837317799</v>
      </c>
      <c r="F1604" s="8">
        <v>0.84557747135174599</v>
      </c>
      <c r="G1604" s="8">
        <v>-8.7577813262992503</v>
      </c>
      <c r="H1604" s="8">
        <v>83448</v>
      </c>
      <c r="I1604" s="8" t="s">
        <v>4872</v>
      </c>
      <c r="J1604" s="11" t="s">
        <v>4873</v>
      </c>
      <c r="K1604" s="8">
        <v>12</v>
      </c>
      <c r="L1604" s="8">
        <v>43718993</v>
      </c>
      <c r="M1604" s="8">
        <v>43758817</v>
      </c>
      <c r="N1604" s="12">
        <v>-1</v>
      </c>
    </row>
    <row r="1605" spans="1:14" ht="142.5" x14ac:dyDescent="0.2">
      <c r="A1605" s="8" t="s">
        <v>4874</v>
      </c>
      <c r="B1605" s="8">
        <v>-9.4781393305405394E-3</v>
      </c>
      <c r="C1605" s="8">
        <v>7.9827073604884804</v>
      </c>
      <c r="D1605" s="8">
        <v>-0.22169873485765301</v>
      </c>
      <c r="E1605" s="26">
        <v>0.82666051157451803</v>
      </c>
      <c r="F1605" s="8">
        <v>0.85097957219755105</v>
      </c>
      <c r="G1605" s="8">
        <v>-8.87376104697403</v>
      </c>
      <c r="H1605" s="8">
        <v>23350</v>
      </c>
      <c r="I1605" s="8" t="s">
        <v>4875</v>
      </c>
      <c r="J1605" s="11" t="s">
        <v>4876</v>
      </c>
      <c r="K1605" s="8">
        <v>3</v>
      </c>
      <c r="L1605" s="8">
        <v>142964497</v>
      </c>
      <c r="M1605" s="8">
        <v>143060546</v>
      </c>
      <c r="N1605" s="12">
        <v>1</v>
      </c>
    </row>
    <row r="1606" spans="1:14" ht="99.75" x14ac:dyDescent="0.2">
      <c r="A1606" s="8" t="s">
        <v>4877</v>
      </c>
      <c r="B1606" s="8">
        <v>-1.08847992854306E-2</v>
      </c>
      <c r="C1606" s="8">
        <v>5.3181166197051297</v>
      </c>
      <c r="D1606" s="8">
        <v>-0.219578396544655</v>
      </c>
      <c r="E1606" s="26">
        <v>0.82829053544622999</v>
      </c>
      <c r="F1606" s="8">
        <v>0.852272921496671</v>
      </c>
      <c r="G1606" s="8">
        <v>-8.6241969271746406</v>
      </c>
      <c r="H1606" s="8">
        <v>65095</v>
      </c>
      <c r="I1606" s="8" t="s">
        <v>4878</v>
      </c>
      <c r="J1606" s="11" t="s">
        <v>4879</v>
      </c>
      <c r="K1606" s="8">
        <v>19</v>
      </c>
      <c r="L1606" s="8">
        <v>10553078</v>
      </c>
      <c r="M1606" s="8">
        <v>10566037</v>
      </c>
      <c r="N1606" s="12">
        <v>-1</v>
      </c>
    </row>
    <row r="1607" spans="1:14" ht="114" x14ac:dyDescent="0.2">
      <c r="A1607" s="8" t="s">
        <v>4880</v>
      </c>
      <c r="B1607" s="8">
        <v>-1.46363135424306E-2</v>
      </c>
      <c r="C1607" s="8">
        <v>3.72183654284082</v>
      </c>
      <c r="D1607" s="8">
        <v>-0.21518553036346999</v>
      </c>
      <c r="E1607" s="26">
        <v>0.83167009481683496</v>
      </c>
      <c r="F1607" s="8">
        <v>0.85514756119089097</v>
      </c>
      <c r="G1607" s="8">
        <v>-8.2519062746233107</v>
      </c>
      <c r="H1607" s="8">
        <v>93587</v>
      </c>
      <c r="I1607" s="8" t="s">
        <v>4881</v>
      </c>
      <c r="J1607" s="11" t="s">
        <v>4882</v>
      </c>
      <c r="K1607" s="8">
        <v>4</v>
      </c>
      <c r="L1607" s="8">
        <v>99546709</v>
      </c>
      <c r="M1607" s="8">
        <v>99564032</v>
      </c>
      <c r="N1607" s="12">
        <v>-1</v>
      </c>
    </row>
    <row r="1608" spans="1:14" ht="114" x14ac:dyDescent="0.2">
      <c r="A1608" s="8" t="s">
        <v>4883</v>
      </c>
      <c r="B1608" s="8">
        <v>-8.9960889372582304E-3</v>
      </c>
      <c r="C1608" s="8">
        <v>7.0468458462420003</v>
      </c>
      <c r="D1608" s="8">
        <v>-0.21501209606969399</v>
      </c>
      <c r="E1608" s="26">
        <v>0.831803591790091</v>
      </c>
      <c r="F1608" s="8">
        <v>0.85519441952355801</v>
      </c>
      <c r="G1608" s="8">
        <v>-8.8201177304825595</v>
      </c>
      <c r="H1608" s="8">
        <v>23524</v>
      </c>
      <c r="I1608" s="8" t="s">
        <v>4884</v>
      </c>
      <c r="J1608" s="11" t="s">
        <v>4885</v>
      </c>
      <c r="K1608" s="8">
        <v>16</v>
      </c>
      <c r="L1608" s="8">
        <v>2752329</v>
      </c>
      <c r="M1608" s="8">
        <v>2772538</v>
      </c>
      <c r="N1608" s="12">
        <v>1</v>
      </c>
    </row>
    <row r="1609" spans="1:14" ht="128.25" x14ac:dyDescent="0.2">
      <c r="A1609" s="8" t="s">
        <v>4886</v>
      </c>
      <c r="B1609" s="8">
        <v>-1.3193328870822399E-2</v>
      </c>
      <c r="C1609" s="8">
        <v>4.1250421196174702</v>
      </c>
      <c r="D1609" s="8">
        <v>-0.20856854245192999</v>
      </c>
      <c r="E1609" s="26">
        <v>0.836767017787589</v>
      </c>
      <c r="F1609" s="8">
        <v>0.85964311912922697</v>
      </c>
      <c r="G1609" s="8">
        <v>-8.3603038105361502</v>
      </c>
      <c r="H1609" s="8">
        <v>123283</v>
      </c>
      <c r="I1609" s="8" t="s">
        <v>4887</v>
      </c>
      <c r="J1609" s="11" t="s">
        <v>4888</v>
      </c>
      <c r="K1609" s="8">
        <v>15</v>
      </c>
      <c r="L1609" s="8">
        <v>101653598</v>
      </c>
      <c r="M1609" s="8">
        <v>101724604</v>
      </c>
      <c r="N1609" s="12">
        <v>-1</v>
      </c>
    </row>
    <row r="1610" spans="1:14" ht="142.5" x14ac:dyDescent="0.2">
      <c r="A1610" s="8" t="s">
        <v>4889</v>
      </c>
      <c r="B1610" s="8">
        <v>7.3300352713232498E-3</v>
      </c>
      <c r="C1610" s="8">
        <v>8.2239631757569001</v>
      </c>
      <c r="D1610" s="8">
        <v>0.20809161162415801</v>
      </c>
      <c r="E1610" s="26">
        <v>0.83713467412021902</v>
      </c>
      <c r="F1610" s="8">
        <v>0.85983463470336696</v>
      </c>
      <c r="G1610" s="8">
        <v>-8.8900753748918593</v>
      </c>
      <c r="H1610" s="8">
        <v>9967</v>
      </c>
      <c r="I1610" s="8" t="s">
        <v>4890</v>
      </c>
      <c r="J1610" s="11" t="s">
        <v>4891</v>
      </c>
      <c r="K1610" s="8">
        <v>1</v>
      </c>
      <c r="L1610" s="8">
        <v>36224416</v>
      </c>
      <c r="M1610" s="8">
        <v>36305357</v>
      </c>
      <c r="N1610" s="12">
        <v>1</v>
      </c>
    </row>
    <row r="1611" spans="1:14" ht="171" x14ac:dyDescent="0.2">
      <c r="A1611" s="8" t="s">
        <v>4892</v>
      </c>
      <c r="B1611" s="8">
        <v>7.7742173510602103E-3</v>
      </c>
      <c r="C1611" s="8">
        <v>5.4521209743603398</v>
      </c>
      <c r="D1611" s="8">
        <v>0.182669348017786</v>
      </c>
      <c r="E1611" s="26">
        <v>0.856785257253593</v>
      </c>
      <c r="F1611" s="8">
        <v>0.87745352546688804</v>
      </c>
      <c r="G1611" s="8">
        <v>-8.6557515295957508</v>
      </c>
      <c r="H1611" s="8">
        <v>57819</v>
      </c>
      <c r="I1611" s="8" t="s">
        <v>4893</v>
      </c>
      <c r="J1611" s="11" t="s">
        <v>4894</v>
      </c>
      <c r="K1611" s="8">
        <v>6</v>
      </c>
      <c r="L1611" s="8">
        <v>31797396</v>
      </c>
      <c r="M1611" s="8">
        <v>31806984</v>
      </c>
      <c r="N1611" s="12">
        <v>-1</v>
      </c>
    </row>
    <row r="1612" spans="1:14" ht="171" x14ac:dyDescent="0.2">
      <c r="A1612" s="8" t="s">
        <v>4895</v>
      </c>
      <c r="B1612" s="8">
        <v>7.9755249807940097E-3</v>
      </c>
      <c r="C1612" s="8">
        <v>5.50910841421278</v>
      </c>
      <c r="D1612" s="8">
        <v>0.18098667524742101</v>
      </c>
      <c r="E1612" s="26">
        <v>0.85808942302017999</v>
      </c>
      <c r="F1612" s="8">
        <v>0.87850469252556995</v>
      </c>
      <c r="G1612" s="8">
        <v>-8.6655476800370099</v>
      </c>
      <c r="H1612" s="8">
        <v>9255</v>
      </c>
      <c r="I1612" s="8" t="s">
        <v>4896</v>
      </c>
      <c r="J1612" s="11" t="s">
        <v>4897</v>
      </c>
      <c r="K1612" s="8">
        <v>4</v>
      </c>
      <c r="L1612" s="8">
        <v>106315544</v>
      </c>
      <c r="M1612" s="8">
        <v>106349226</v>
      </c>
      <c r="N1612" s="12">
        <v>1</v>
      </c>
    </row>
    <row r="1613" spans="1:14" ht="85.5" x14ac:dyDescent="0.2">
      <c r="A1613" s="8" t="s">
        <v>4898</v>
      </c>
      <c r="B1613" s="8">
        <v>-5.7577085327826802E-3</v>
      </c>
      <c r="C1613" s="8">
        <v>6.8869003618782596</v>
      </c>
      <c r="D1613" s="8">
        <v>-0.16539809364605301</v>
      </c>
      <c r="E1613" s="26">
        <v>0.87019070293982803</v>
      </c>
      <c r="F1613" s="8">
        <v>0.88907122696721896</v>
      </c>
      <c r="G1613" s="8">
        <v>-8.8194469565623006</v>
      </c>
      <c r="H1613" s="8">
        <v>3921</v>
      </c>
      <c r="I1613" s="8" t="s">
        <v>4899</v>
      </c>
      <c r="J1613" s="11" t="s">
        <v>4900</v>
      </c>
      <c r="K1613" s="8">
        <v>3</v>
      </c>
      <c r="L1613" s="8">
        <v>39406689</v>
      </c>
      <c r="M1613" s="8">
        <v>39412542</v>
      </c>
      <c r="N1613" s="12">
        <v>1</v>
      </c>
    </row>
    <row r="1614" spans="1:14" ht="99.75" x14ac:dyDescent="0.2">
      <c r="A1614" s="8" t="s">
        <v>4901</v>
      </c>
      <c r="B1614" s="8">
        <v>9.4672412028753393E-3</v>
      </c>
      <c r="C1614" s="8">
        <v>4.2614557682037599</v>
      </c>
      <c r="D1614" s="8">
        <v>0.16461034686670301</v>
      </c>
      <c r="E1614" s="26">
        <v>0.87080311606390504</v>
      </c>
      <c r="F1614" s="8">
        <v>0.88955325044650502</v>
      </c>
      <c r="G1614" s="8">
        <v>-8.4041931452079801</v>
      </c>
      <c r="H1614" s="8">
        <v>3396</v>
      </c>
      <c r="I1614" s="8" t="s">
        <v>4902</v>
      </c>
      <c r="J1614" s="11" t="s">
        <v>4903</v>
      </c>
      <c r="K1614" s="8">
        <v>17</v>
      </c>
      <c r="L1614" s="8">
        <v>75012670</v>
      </c>
      <c r="M1614" s="8">
        <v>75021261</v>
      </c>
      <c r="N1614" s="12">
        <v>1</v>
      </c>
    </row>
    <row r="1615" spans="1:14" ht="128.25" x14ac:dyDescent="0.2">
      <c r="A1615" s="8" t="s">
        <v>4904</v>
      </c>
      <c r="B1615" s="8">
        <v>1.3991496710791E-2</v>
      </c>
      <c r="C1615" s="8">
        <v>2.9838789892612398</v>
      </c>
      <c r="D1615" s="8">
        <v>0.15980167097286499</v>
      </c>
      <c r="E1615" s="26">
        <v>0.87454328175166396</v>
      </c>
      <c r="F1615" s="8">
        <v>0.89298980091018898</v>
      </c>
      <c r="G1615" s="8">
        <v>-8.0586156168330003</v>
      </c>
      <c r="H1615" s="8">
        <v>29942</v>
      </c>
      <c r="I1615" s="8" t="s">
        <v>4905</v>
      </c>
      <c r="J1615" s="11" t="s">
        <v>4906</v>
      </c>
      <c r="K1615" s="8">
        <v>8</v>
      </c>
      <c r="L1615" s="8">
        <v>30995802</v>
      </c>
      <c r="M1615" s="8">
        <v>31033715</v>
      </c>
      <c r="N1615" s="12">
        <v>-1</v>
      </c>
    </row>
    <row r="1616" spans="1:14" ht="171" x14ac:dyDescent="0.2">
      <c r="A1616" s="8" t="s">
        <v>4907</v>
      </c>
      <c r="B1616" s="8">
        <v>9.4148493256804907E-3</v>
      </c>
      <c r="C1616" s="8">
        <v>5.6683803080943598</v>
      </c>
      <c r="D1616" s="8">
        <v>0.15799918612050601</v>
      </c>
      <c r="E1616" s="26">
        <v>0.87594602550807199</v>
      </c>
      <c r="F1616" s="8">
        <v>0.894084968054361</v>
      </c>
      <c r="G1616" s="8">
        <v>-8.6947677196762605</v>
      </c>
      <c r="H1616" s="8">
        <v>27258</v>
      </c>
      <c r="I1616" s="8" t="s">
        <v>4908</v>
      </c>
      <c r="J1616" s="11" t="s">
        <v>4909</v>
      </c>
      <c r="K1616" s="8">
        <v>3</v>
      </c>
      <c r="L1616" s="8">
        <v>14178358</v>
      </c>
      <c r="M1616" s="8">
        <v>14201119</v>
      </c>
      <c r="N1616" s="12">
        <v>1</v>
      </c>
    </row>
    <row r="1617" spans="1:14" ht="114" x14ac:dyDescent="0.2">
      <c r="A1617" s="8" t="s">
        <v>4910</v>
      </c>
      <c r="B1617" s="8">
        <v>-5.5838372933010296E-3</v>
      </c>
      <c r="C1617" s="8">
        <v>5.8812345246253503</v>
      </c>
      <c r="D1617" s="8">
        <v>-0.15274612262214099</v>
      </c>
      <c r="E1617" s="26">
        <v>0.88003647169572596</v>
      </c>
      <c r="F1617" s="8">
        <v>0.89763247102229504</v>
      </c>
      <c r="G1617" s="8">
        <v>-8.7254755242635103</v>
      </c>
      <c r="H1617" s="8">
        <v>26993</v>
      </c>
      <c r="I1617" s="8" t="s">
        <v>4911</v>
      </c>
      <c r="J1617" s="11" t="s">
        <v>4912</v>
      </c>
      <c r="K1617" s="8">
        <v>19</v>
      </c>
      <c r="L1617" s="8">
        <v>15380048</v>
      </c>
      <c r="M1617" s="8">
        <v>15419141</v>
      </c>
      <c r="N1617" s="12">
        <v>-1</v>
      </c>
    </row>
    <row r="1618" spans="1:14" ht="99.75" x14ac:dyDescent="0.2">
      <c r="A1618" s="8" t="s">
        <v>4913</v>
      </c>
      <c r="B1618" s="8">
        <v>-6.2049726297219703E-3</v>
      </c>
      <c r="C1618" s="8">
        <v>7.1035151409833102</v>
      </c>
      <c r="D1618" s="8">
        <v>-0.14558181880405699</v>
      </c>
      <c r="E1618" s="26">
        <v>0.88562067185154203</v>
      </c>
      <c r="F1618" s="8">
        <v>0.90240675954288596</v>
      </c>
      <c r="G1618" s="8">
        <v>-8.8368439914230397</v>
      </c>
      <c r="H1618" s="8">
        <v>1994</v>
      </c>
      <c r="I1618" s="8" t="s">
        <v>4914</v>
      </c>
      <c r="J1618" s="11" t="s">
        <v>4915</v>
      </c>
      <c r="K1618" s="8">
        <v>19</v>
      </c>
      <c r="L1618" s="8">
        <v>7958579</v>
      </c>
      <c r="M1618" s="8">
        <v>8005659</v>
      </c>
      <c r="N1618" s="12">
        <v>-1</v>
      </c>
    </row>
    <row r="1619" spans="1:14" ht="128.25" x14ac:dyDescent="0.2">
      <c r="A1619" s="8" t="s">
        <v>4916</v>
      </c>
      <c r="B1619" s="8">
        <v>6.5321807564195896E-3</v>
      </c>
      <c r="C1619" s="8">
        <v>7.9295309875386604</v>
      </c>
      <c r="D1619" s="8">
        <v>0.140780421165417</v>
      </c>
      <c r="E1619" s="26">
        <v>0.88936653938610599</v>
      </c>
      <c r="F1619" s="8">
        <v>0.90583452221608696</v>
      </c>
      <c r="G1619" s="8">
        <v>-8.8862022037690007</v>
      </c>
      <c r="H1619" s="8">
        <v>6181</v>
      </c>
      <c r="I1619" s="8" t="s">
        <v>4917</v>
      </c>
      <c r="J1619" s="11" t="s">
        <v>4918</v>
      </c>
      <c r="K1619" s="8">
        <v>11</v>
      </c>
      <c r="L1619" s="8">
        <v>809647</v>
      </c>
      <c r="M1619" s="8">
        <v>812880</v>
      </c>
      <c r="N1619" s="12">
        <v>1</v>
      </c>
    </row>
    <row r="1620" spans="1:14" ht="114" x14ac:dyDescent="0.2">
      <c r="A1620" s="8" t="s">
        <v>4919</v>
      </c>
      <c r="B1620" s="8">
        <v>-5.8506839279592899E-3</v>
      </c>
      <c r="C1620" s="8">
        <v>7.2511767328868704</v>
      </c>
      <c r="D1620" s="8">
        <v>-0.133949282226386</v>
      </c>
      <c r="E1620" s="26">
        <v>0.89470047835807598</v>
      </c>
      <c r="F1620" s="8">
        <v>0.91048535916994899</v>
      </c>
      <c r="G1620" s="8">
        <v>-8.8477129043564897</v>
      </c>
      <c r="H1620" s="8">
        <v>7916</v>
      </c>
      <c r="I1620" s="8" t="s">
        <v>4920</v>
      </c>
      <c r="J1620" s="11" t="s">
        <v>4921</v>
      </c>
      <c r="K1620" s="8">
        <v>6</v>
      </c>
      <c r="L1620" s="8">
        <v>31620720</v>
      </c>
      <c r="M1620" s="8">
        <v>31637771</v>
      </c>
      <c r="N1620" s="12">
        <v>1</v>
      </c>
    </row>
    <row r="1621" spans="1:14" ht="128.25" x14ac:dyDescent="0.2">
      <c r="A1621" s="8" t="s">
        <v>4922</v>
      </c>
      <c r="B1621" s="8">
        <v>7.3890605638782204E-3</v>
      </c>
      <c r="C1621" s="8">
        <v>4.2919215686501602</v>
      </c>
      <c r="D1621" s="8">
        <v>0.131081923961366</v>
      </c>
      <c r="E1621" s="26">
        <v>0.89694092636469303</v>
      </c>
      <c r="F1621" s="8">
        <v>0.91227612603830999</v>
      </c>
      <c r="G1621" s="8">
        <v>-8.4170461332045807</v>
      </c>
      <c r="H1621" s="8">
        <v>80755</v>
      </c>
      <c r="I1621" s="8" t="s">
        <v>4923</v>
      </c>
      <c r="J1621" s="11" t="s">
        <v>4924</v>
      </c>
      <c r="K1621" s="8">
        <v>17</v>
      </c>
      <c r="L1621" s="8">
        <v>42950526</v>
      </c>
      <c r="M1621" s="8">
        <v>42964498</v>
      </c>
      <c r="N1621" s="12">
        <v>-1</v>
      </c>
    </row>
    <row r="1622" spans="1:14" ht="114" x14ac:dyDescent="0.2">
      <c r="A1622" s="8" t="s">
        <v>4925</v>
      </c>
      <c r="B1622" s="8">
        <v>6.4383760162440903E-3</v>
      </c>
      <c r="C1622" s="8">
        <v>4.4184464541191399</v>
      </c>
      <c r="D1622" s="8">
        <v>0.10662788080277801</v>
      </c>
      <c r="E1622" s="26">
        <v>0.91608228200988395</v>
      </c>
      <c r="F1622" s="8">
        <v>0.92870844947387998</v>
      </c>
      <c r="G1622" s="8">
        <v>-8.4513119907580698</v>
      </c>
      <c r="H1622" s="8">
        <v>64975</v>
      </c>
      <c r="I1622" s="8" t="s">
        <v>4926</v>
      </c>
      <c r="J1622" s="11" t="s">
        <v>4927</v>
      </c>
      <c r="K1622" s="8">
        <v>9</v>
      </c>
      <c r="L1622" s="8">
        <v>137551199</v>
      </c>
      <c r="M1622" s="8">
        <v>137552555</v>
      </c>
      <c r="N1622" s="12">
        <v>1</v>
      </c>
    </row>
    <row r="1623" spans="1:14" ht="99.75" x14ac:dyDescent="0.2">
      <c r="A1623" s="8" t="s">
        <v>4928</v>
      </c>
      <c r="B1623" s="8">
        <v>-4.6829902284431001E-3</v>
      </c>
      <c r="C1623" s="8">
        <v>5.7468372779593997</v>
      </c>
      <c r="D1623" s="8">
        <v>-0.10075502880932</v>
      </c>
      <c r="E1623" s="26">
        <v>0.92068748001620004</v>
      </c>
      <c r="F1623" s="8">
        <v>0.93275961206162905</v>
      </c>
      <c r="G1623" s="8">
        <v>-8.71390509850165</v>
      </c>
      <c r="H1623" s="8">
        <v>51406</v>
      </c>
      <c r="I1623" s="8" t="s">
        <v>4929</v>
      </c>
      <c r="J1623" s="11" t="s">
        <v>4930</v>
      </c>
      <c r="K1623" s="8">
        <v>6</v>
      </c>
      <c r="L1623" s="8">
        <v>13615327</v>
      </c>
      <c r="M1623" s="8">
        <v>13632739</v>
      </c>
      <c r="N1623" s="12">
        <v>1</v>
      </c>
    </row>
    <row r="1624" spans="1:14" ht="85.5" x14ac:dyDescent="0.2">
      <c r="A1624" s="8" t="s">
        <v>4931</v>
      </c>
      <c r="B1624" s="8">
        <v>-4.0028261824591703E-3</v>
      </c>
      <c r="C1624" s="8">
        <v>7.0197705212830499</v>
      </c>
      <c r="D1624" s="8">
        <v>-9.8215047816874096E-2</v>
      </c>
      <c r="E1624" s="26">
        <v>0.92268009984180799</v>
      </c>
      <c r="F1624" s="8">
        <v>0.93439886091562996</v>
      </c>
      <c r="G1624" s="8">
        <v>-8.8375271435141798</v>
      </c>
      <c r="H1624" s="8">
        <v>30000</v>
      </c>
      <c r="I1624" s="8" t="s">
        <v>4932</v>
      </c>
      <c r="J1624" s="11" t="s">
        <v>4933</v>
      </c>
      <c r="K1624" s="8">
        <v>19</v>
      </c>
      <c r="L1624" s="8">
        <v>12699194</v>
      </c>
      <c r="M1624" s="8">
        <v>12724011</v>
      </c>
      <c r="N1624" s="12">
        <v>-1</v>
      </c>
    </row>
    <row r="1625" spans="1:14" ht="114" x14ac:dyDescent="0.2">
      <c r="A1625" s="8" t="s">
        <v>4934</v>
      </c>
      <c r="B1625" s="8">
        <v>-4.0701426223908E-3</v>
      </c>
      <c r="C1625" s="8">
        <v>5.7970613948763097</v>
      </c>
      <c r="D1625" s="8">
        <v>-8.3287744895377006E-2</v>
      </c>
      <c r="E1625" s="26">
        <v>0.93440067241132196</v>
      </c>
      <c r="F1625" s="8">
        <v>0.94440357692531196</v>
      </c>
      <c r="G1625" s="8">
        <v>-8.7227047915302798</v>
      </c>
      <c r="H1625" s="8">
        <v>54534</v>
      </c>
      <c r="I1625" s="8" t="s">
        <v>4935</v>
      </c>
      <c r="J1625" s="11" t="s">
        <v>4936</v>
      </c>
      <c r="K1625" s="8">
        <v>9</v>
      </c>
      <c r="L1625" s="8">
        <v>101387633</v>
      </c>
      <c r="M1625" s="8">
        <v>101398614</v>
      </c>
      <c r="N1625" s="12">
        <v>-1</v>
      </c>
    </row>
    <row r="1626" spans="1:14" ht="128.25" x14ac:dyDescent="0.2">
      <c r="A1626" s="8" t="s">
        <v>4937</v>
      </c>
      <c r="B1626" s="8">
        <v>-3.8624758687788598E-3</v>
      </c>
      <c r="C1626" s="8">
        <v>5.4760230494340796</v>
      </c>
      <c r="D1626" s="8">
        <v>-7.9059513215961996E-2</v>
      </c>
      <c r="E1626" s="26">
        <v>0.93772347338613604</v>
      </c>
      <c r="F1626" s="8">
        <v>0.94705579321174604</v>
      </c>
      <c r="G1626" s="8">
        <v>-8.6736739082863998</v>
      </c>
      <c r="H1626" s="8">
        <v>51068</v>
      </c>
      <c r="I1626" s="8" t="s">
        <v>4938</v>
      </c>
      <c r="J1626" s="11" t="s">
        <v>4939</v>
      </c>
      <c r="K1626" s="8">
        <v>3</v>
      </c>
      <c r="L1626" s="8">
        <v>161104696</v>
      </c>
      <c r="M1626" s="8">
        <v>161253532</v>
      </c>
      <c r="N1626" s="12">
        <v>1</v>
      </c>
    </row>
    <row r="1627" spans="1:14" ht="128.25" x14ac:dyDescent="0.2">
      <c r="A1627" s="8" t="s">
        <v>4940</v>
      </c>
      <c r="B1627" s="8">
        <v>3.9442161480147701E-3</v>
      </c>
      <c r="C1627" s="8">
        <v>4.3859376325744401</v>
      </c>
      <c r="D1627" s="8">
        <v>7.88317470282974E-2</v>
      </c>
      <c r="E1627" s="26">
        <v>0.93790249943245096</v>
      </c>
      <c r="F1627" s="8">
        <v>0.94714039855528498</v>
      </c>
      <c r="G1627" s="8">
        <v>-8.44597495540423</v>
      </c>
      <c r="H1627" s="8">
        <v>25766</v>
      </c>
      <c r="I1627" s="8" t="s">
        <v>4941</v>
      </c>
      <c r="J1627" s="11" t="s">
        <v>4942</v>
      </c>
      <c r="K1627" s="8">
        <v>12</v>
      </c>
      <c r="L1627" s="8">
        <v>49568218</v>
      </c>
      <c r="M1627" s="8">
        <v>49644666</v>
      </c>
      <c r="N1627" s="12">
        <v>1</v>
      </c>
    </row>
    <row r="1628" spans="1:14" ht="114" x14ac:dyDescent="0.2">
      <c r="A1628" s="8" t="s">
        <v>4943</v>
      </c>
      <c r="B1628" s="8">
        <v>3.1424298423861101E-3</v>
      </c>
      <c r="C1628" s="8">
        <v>6.3608728267655898</v>
      </c>
      <c r="D1628" s="8">
        <v>7.8762441549476994E-2</v>
      </c>
      <c r="E1628" s="26">
        <v>0.93795697476152495</v>
      </c>
      <c r="F1628" s="8">
        <v>0.94714039855528498</v>
      </c>
      <c r="G1628" s="8">
        <v>-8.78869242840255</v>
      </c>
      <c r="H1628" s="8">
        <v>5930</v>
      </c>
      <c r="I1628" s="8" t="s">
        <v>4944</v>
      </c>
      <c r="J1628" s="11" t="s">
        <v>4945</v>
      </c>
      <c r="K1628" s="8">
        <v>16</v>
      </c>
      <c r="L1628" s="8">
        <v>24537693</v>
      </c>
      <c r="M1628" s="8">
        <v>24572863</v>
      </c>
      <c r="N1628" s="12">
        <v>1</v>
      </c>
    </row>
    <row r="1629" spans="1:14" ht="156.75" x14ac:dyDescent="0.2">
      <c r="A1629" s="8" t="s">
        <v>4946</v>
      </c>
      <c r="B1629" s="8">
        <v>2.9283233859258599E-3</v>
      </c>
      <c r="C1629" s="8">
        <v>7.0743785786117996</v>
      </c>
      <c r="D1629" s="8">
        <v>7.34810853648004E-2</v>
      </c>
      <c r="E1629" s="26">
        <v>0.94210910938091696</v>
      </c>
      <c r="F1629" s="8">
        <v>0.95072611373154203</v>
      </c>
      <c r="G1629" s="8">
        <v>-8.8433082694183494</v>
      </c>
      <c r="H1629" s="8">
        <v>9733</v>
      </c>
      <c r="I1629" s="8" t="s">
        <v>4947</v>
      </c>
      <c r="J1629" s="11" t="s">
        <v>4948</v>
      </c>
      <c r="K1629" s="8">
        <v>12</v>
      </c>
      <c r="L1629" s="8">
        <v>108522580</v>
      </c>
      <c r="M1629" s="8">
        <v>108561400</v>
      </c>
      <c r="N1629" s="12">
        <v>-1</v>
      </c>
    </row>
    <row r="1630" spans="1:14" ht="99.75" x14ac:dyDescent="0.2">
      <c r="A1630" s="8" t="s">
        <v>4949</v>
      </c>
      <c r="B1630" s="8">
        <v>-2.9378677043050399E-3</v>
      </c>
      <c r="C1630" s="8">
        <v>4.9452112917452302</v>
      </c>
      <c r="D1630" s="8">
        <v>-5.9780144676181798E-2</v>
      </c>
      <c r="E1630" s="26">
        <v>0.95288817936127501</v>
      </c>
      <c r="F1630" s="8">
        <v>0.96022509450610205</v>
      </c>
      <c r="G1630" s="8">
        <v>-8.5750545351363101</v>
      </c>
      <c r="H1630" s="8">
        <v>23357</v>
      </c>
      <c r="I1630" s="8" t="s">
        <v>4950</v>
      </c>
      <c r="J1630" s="11" t="s">
        <v>4951</v>
      </c>
      <c r="K1630" s="8">
        <v>14</v>
      </c>
      <c r="L1630" s="8">
        <v>76786178</v>
      </c>
      <c r="M1630" s="8">
        <v>76826246</v>
      </c>
      <c r="N1630" s="12">
        <v>-1</v>
      </c>
    </row>
    <row r="1631" spans="1:14" ht="114" x14ac:dyDescent="0.2">
      <c r="A1631" s="8" t="s">
        <v>4952</v>
      </c>
      <c r="B1631" s="8">
        <v>2.3132520619793002E-3</v>
      </c>
      <c r="C1631" s="8">
        <v>6.06498519687932</v>
      </c>
      <c r="D1631" s="8">
        <v>4.7746426603159503E-2</v>
      </c>
      <c r="E1631" s="26">
        <v>0.96236327647420306</v>
      </c>
      <c r="F1631" s="8">
        <v>0.968633988193356</v>
      </c>
      <c r="G1631" s="8">
        <v>-8.7594139648972398</v>
      </c>
      <c r="H1631" s="8">
        <v>6050</v>
      </c>
      <c r="I1631" s="8" t="s">
        <v>4953</v>
      </c>
      <c r="J1631" s="11" t="s">
        <v>4954</v>
      </c>
      <c r="K1631" s="8">
        <v>11</v>
      </c>
      <c r="L1631" s="8">
        <v>494512</v>
      </c>
      <c r="M1631" s="8">
        <v>507300</v>
      </c>
      <c r="N1631" s="12">
        <v>-1</v>
      </c>
    </row>
    <row r="1632" spans="1:14" ht="142.5" x14ac:dyDescent="0.2">
      <c r="A1632" s="8" t="s">
        <v>4955</v>
      </c>
      <c r="B1632" s="8">
        <v>2.3209131189956302E-3</v>
      </c>
      <c r="C1632" s="8">
        <v>6.0247787873885699</v>
      </c>
      <c r="D1632" s="8">
        <v>4.5640894014023298E-2</v>
      </c>
      <c r="E1632" s="26">
        <v>0.96402175515834299</v>
      </c>
      <c r="F1632" s="8">
        <v>0.96989931330929202</v>
      </c>
      <c r="G1632" s="8">
        <v>-8.7547650463848292</v>
      </c>
      <c r="H1632" s="8">
        <v>51096</v>
      </c>
      <c r="I1632" s="8" t="s">
        <v>4956</v>
      </c>
      <c r="J1632" s="11" t="s">
        <v>4957</v>
      </c>
      <c r="K1632" s="8">
        <v>17</v>
      </c>
      <c r="L1632" s="8">
        <v>51260528</v>
      </c>
      <c r="M1632" s="8">
        <v>51297936</v>
      </c>
      <c r="N1632" s="12">
        <v>1</v>
      </c>
    </row>
    <row r="1633" spans="1:14" ht="142.5" x14ac:dyDescent="0.2">
      <c r="A1633" s="8" t="s">
        <v>4958</v>
      </c>
      <c r="B1633" s="8">
        <v>1.3349584939401601E-3</v>
      </c>
      <c r="C1633" s="8">
        <v>6.5098579553629596</v>
      </c>
      <c r="D1633" s="8">
        <v>3.4334156332108699E-2</v>
      </c>
      <c r="E1633" s="26">
        <v>0.97293046986936405</v>
      </c>
      <c r="F1633" s="8">
        <v>0.97710105454651397</v>
      </c>
      <c r="G1633" s="8">
        <v>-8.8047738847329793</v>
      </c>
      <c r="H1633" s="8">
        <v>5610</v>
      </c>
      <c r="I1633" s="8" t="s">
        <v>4959</v>
      </c>
      <c r="J1633" s="11" t="s">
        <v>4960</v>
      </c>
      <c r="K1633" s="8">
        <v>2</v>
      </c>
      <c r="L1633" s="8">
        <v>37099210</v>
      </c>
      <c r="M1633" s="8">
        <v>37157065</v>
      </c>
      <c r="N1633" s="12">
        <v>-1</v>
      </c>
    </row>
    <row r="1634" spans="1:14" ht="114" x14ac:dyDescent="0.2">
      <c r="A1634" s="8" t="s">
        <v>4961</v>
      </c>
      <c r="B1634" s="8">
        <v>-4.3897722104180298E-4</v>
      </c>
      <c r="C1634" s="8">
        <v>6.8600569876970097</v>
      </c>
      <c r="D1634" s="8">
        <v>-1.0862220366339799E-2</v>
      </c>
      <c r="E1634" s="26">
        <v>0.99143448795887901</v>
      </c>
      <c r="F1634" s="8">
        <v>0.992899481661072</v>
      </c>
      <c r="G1634" s="8">
        <v>-8.8318993076651893</v>
      </c>
      <c r="H1634" s="8">
        <v>83939</v>
      </c>
      <c r="I1634" s="8" t="s">
        <v>4962</v>
      </c>
      <c r="J1634" s="11" t="s">
        <v>4963</v>
      </c>
      <c r="K1634" s="8">
        <v>3</v>
      </c>
      <c r="L1634" s="8">
        <v>150546678</v>
      </c>
      <c r="M1634" s="8">
        <v>150584242</v>
      </c>
      <c r="N1634" s="12">
        <v>1</v>
      </c>
    </row>
    <row r="1635" spans="1:14" ht="71.25" x14ac:dyDescent="0.2">
      <c r="A1635" s="8" t="s">
        <v>4964</v>
      </c>
      <c r="B1635" s="8">
        <v>3.1296417680159999E-4</v>
      </c>
      <c r="C1635" s="8">
        <v>7.8374520359134898</v>
      </c>
      <c r="D1635" s="8">
        <v>7.3038200107205901E-3</v>
      </c>
      <c r="E1635" s="26">
        <v>0.99424043503145099</v>
      </c>
      <c r="F1635" s="8">
        <v>0.995184383964969</v>
      </c>
      <c r="G1635" s="8">
        <v>-8.89136394578534</v>
      </c>
      <c r="H1635" s="8">
        <v>23064</v>
      </c>
      <c r="I1635" s="8" t="s">
        <v>4965</v>
      </c>
      <c r="J1635" s="11" t="s">
        <v>4966</v>
      </c>
      <c r="K1635" s="8">
        <v>9</v>
      </c>
      <c r="L1635" s="8">
        <v>132261356</v>
      </c>
      <c r="M1635" s="8">
        <v>132354985</v>
      </c>
      <c r="N1635" s="12">
        <v>-1</v>
      </c>
    </row>
    <row r="1636" spans="1:14" ht="142.5" x14ac:dyDescent="0.2">
      <c r="A1636" s="8" t="s">
        <v>4967</v>
      </c>
      <c r="B1636" s="8">
        <v>-3.57868592215205E-4</v>
      </c>
      <c r="C1636" s="8">
        <v>5.2498604581536901</v>
      </c>
      <c r="D1636" s="8">
        <v>-6.8572199983777497E-3</v>
      </c>
      <c r="E1636" s="26">
        <v>0.99459260392367499</v>
      </c>
      <c r="F1636" s="8">
        <v>0.99533550821932404</v>
      </c>
      <c r="G1636" s="8">
        <v>-8.6372113420520993</v>
      </c>
      <c r="H1636" s="8">
        <v>57505</v>
      </c>
      <c r="I1636" s="8" t="s">
        <v>4968</v>
      </c>
      <c r="J1636" s="11" t="s">
        <v>4969</v>
      </c>
      <c r="K1636" s="8">
        <v>6</v>
      </c>
      <c r="L1636" s="8">
        <v>44299654</v>
      </c>
      <c r="M1636" s="8">
        <v>44313326</v>
      </c>
      <c r="N1636" s="12">
        <v>-1</v>
      </c>
    </row>
    <row r="1637" spans="1:14" ht="99.75" x14ac:dyDescent="0.2">
      <c r="A1637" s="8" t="s">
        <v>4970</v>
      </c>
      <c r="B1637" s="8">
        <v>-1.2829131819014301E-4</v>
      </c>
      <c r="C1637" s="8">
        <v>6.4289899597018803</v>
      </c>
      <c r="D1637" s="8">
        <v>-2.5540013879846099E-3</v>
      </c>
      <c r="E1637" s="27">
        <v>0.99798597759993302</v>
      </c>
      <c r="F1637" s="28">
        <v>0.99824899309055104</v>
      </c>
      <c r="G1637" s="28">
        <v>-8.7983065724668101</v>
      </c>
      <c r="H1637" s="28">
        <v>4154</v>
      </c>
      <c r="I1637" s="28" t="s">
        <v>4971</v>
      </c>
      <c r="J1637" s="29" t="s">
        <v>4972</v>
      </c>
      <c r="K1637" s="28">
        <v>3</v>
      </c>
      <c r="L1637" s="28">
        <v>152243828</v>
      </c>
      <c r="M1637" s="28">
        <v>152465780</v>
      </c>
      <c r="N1637" s="30">
        <v>1</v>
      </c>
    </row>
  </sheetData>
  <mergeCells count="1">
    <mergeCell ref="A1:N1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ecilia Gomez Inclan</dc:creator>
  <cp:lastModifiedBy>Cecilia Gomez Inclan</cp:lastModifiedBy>
  <dcterms:created xsi:type="dcterms:W3CDTF">2023-06-29T01:13:16Z</dcterms:created>
  <dcterms:modified xsi:type="dcterms:W3CDTF">2023-06-29T01:14:22Z</dcterms:modified>
</cp:coreProperties>
</file>